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0217\04_広聴グループ\02_調査広聴\02_県民ニーズ調査\■07_県民ニーズ調査_第２回課題調査\05-2_集計結果\03_クロス集計\03_確定\"/>
    </mc:Choice>
  </mc:AlternateContent>
  <bookViews>
    <workbookView xWindow="-120" yWindow="-120" windowWidth="24240" windowHeight="13140"/>
  </bookViews>
  <sheets>
    <sheet name="【配偶者等からの暴力】Q1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3" uniqueCount="90">
  <si>
    <t>無回答</t>
    <phoneticPr fontId="2"/>
  </si>
  <si>
    <t>女性７５歳以上</t>
    <phoneticPr fontId="2"/>
  </si>
  <si>
    <t>-</t>
  </si>
  <si>
    <t>女性７０～７４歳</t>
    <phoneticPr fontId="2"/>
  </si>
  <si>
    <t>女性６０歳代</t>
    <phoneticPr fontId="2"/>
  </si>
  <si>
    <t>販売・サービス職</t>
    <phoneticPr fontId="2"/>
  </si>
  <si>
    <t>女性５０歳代</t>
    <phoneticPr fontId="2"/>
  </si>
  <si>
    <t>技能・労務職</t>
    <phoneticPr fontId="2"/>
  </si>
  <si>
    <t>女性４０歳代</t>
    <phoneticPr fontId="2"/>
  </si>
  <si>
    <t>教育職</t>
    <phoneticPr fontId="2"/>
  </si>
  <si>
    <t>女性３０歳代</t>
    <phoneticPr fontId="2"/>
  </si>
  <si>
    <t>事務職</t>
    <phoneticPr fontId="2"/>
  </si>
  <si>
    <t>女性２０歳代以下</t>
    <rPh sb="0" eb="2">
      <t>ジョセイ</t>
    </rPh>
    <rPh sb="6" eb="8">
      <t>イカ</t>
    </rPh>
    <phoneticPr fontId="2"/>
  </si>
  <si>
    <t>専門・技術職</t>
    <phoneticPr fontId="2"/>
  </si>
  <si>
    <t>女性２０歳代</t>
    <phoneticPr fontId="2"/>
  </si>
  <si>
    <t>経営・管理職</t>
    <phoneticPr fontId="2"/>
  </si>
  <si>
    <t>女性１８～１９歳</t>
    <phoneticPr fontId="2"/>
  </si>
  <si>
    <t>自由業</t>
    <phoneticPr fontId="2"/>
  </si>
  <si>
    <t>男性７５歳以上</t>
    <phoneticPr fontId="2"/>
  </si>
  <si>
    <t>商工サービス業</t>
    <phoneticPr fontId="2"/>
  </si>
  <si>
    <t>男性７０～７４歳</t>
    <phoneticPr fontId="2"/>
  </si>
  <si>
    <t>農林水産業</t>
    <phoneticPr fontId="2"/>
  </si>
  <si>
    <t>男性６０歳代</t>
    <phoneticPr fontId="2"/>
  </si>
  <si>
    <t>　全　体</t>
    <phoneticPr fontId="2"/>
  </si>
  <si>
    <t>有職者の職業内容別</t>
  </si>
  <si>
    <t>男性５０歳代</t>
    <phoneticPr fontId="2"/>
  </si>
  <si>
    <t>男性４０歳代</t>
    <phoneticPr fontId="2"/>
  </si>
  <si>
    <t>その他</t>
    <phoneticPr fontId="2"/>
  </si>
  <si>
    <t>男性３０歳代</t>
    <phoneticPr fontId="2"/>
  </si>
  <si>
    <t>無職</t>
    <phoneticPr fontId="2"/>
  </si>
  <si>
    <t>男性２０歳代以下</t>
    <rPh sb="6" eb="8">
      <t>イカ</t>
    </rPh>
    <phoneticPr fontId="2"/>
  </si>
  <si>
    <t>学生</t>
    <phoneticPr fontId="2"/>
  </si>
  <si>
    <t>男性２０歳代</t>
    <phoneticPr fontId="2"/>
  </si>
  <si>
    <t>主婦・主夫（勤めていない）</t>
  </si>
  <si>
    <t>男性１８～１９歳</t>
    <phoneticPr fontId="2"/>
  </si>
  <si>
    <t>内職</t>
    <phoneticPr fontId="2"/>
  </si>
  <si>
    <t>性・年齢別（１０歳刻み）</t>
  </si>
  <si>
    <t>勤め（パートタイム）</t>
    <phoneticPr fontId="2"/>
  </si>
  <si>
    <t>勤め（フルタイム）</t>
    <phoneticPr fontId="2"/>
  </si>
  <si>
    <t>７５歳以上</t>
    <phoneticPr fontId="2"/>
  </si>
  <si>
    <t>家族従業者（家業手伝い）</t>
    <phoneticPr fontId="2"/>
  </si>
  <si>
    <t>７０～７４歳</t>
    <phoneticPr fontId="2"/>
  </si>
  <si>
    <t>自営業主</t>
    <phoneticPr fontId="2"/>
  </si>
  <si>
    <t>６０歳代</t>
    <phoneticPr fontId="2"/>
  </si>
  <si>
    <t>職業区分別</t>
  </si>
  <si>
    <t>５０歳代</t>
    <phoneticPr fontId="2"/>
  </si>
  <si>
    <t>４０歳代</t>
    <phoneticPr fontId="2"/>
  </si>
  <si>
    <t>その他の世帯</t>
    <phoneticPr fontId="2"/>
  </si>
  <si>
    <t>３０歳代</t>
    <phoneticPr fontId="2"/>
  </si>
  <si>
    <t>祖父母と親と子の世帯（３世代世帯）</t>
    <phoneticPr fontId="2"/>
  </si>
  <si>
    <t>２０歳代以下</t>
    <rPh sb="2" eb="6">
      <t>サイダイイカ</t>
    </rPh>
    <phoneticPr fontId="2"/>
  </si>
  <si>
    <t>親と子の世帯（２世代世帯）</t>
    <phoneticPr fontId="2"/>
  </si>
  <si>
    <t>２０歳代</t>
    <phoneticPr fontId="2"/>
  </si>
  <si>
    <t>夫婦のみ（１世代世帯）</t>
    <phoneticPr fontId="2"/>
  </si>
  <si>
    <t>１８～１９歳</t>
    <phoneticPr fontId="2"/>
  </si>
  <si>
    <t>一人暮らし（単身世帯）</t>
    <phoneticPr fontId="2"/>
  </si>
  <si>
    <t>年代別（１０歳刻み）</t>
  </si>
  <si>
    <t>現在の家族構成別</t>
  </si>
  <si>
    <t>女性</t>
    <phoneticPr fontId="2"/>
  </si>
  <si>
    <t>子どもはいない</t>
    <phoneticPr fontId="2"/>
  </si>
  <si>
    <t>男性</t>
    <phoneticPr fontId="2"/>
  </si>
  <si>
    <t>性別</t>
  </si>
  <si>
    <t>学校教育終了［既婚］</t>
    <phoneticPr fontId="2"/>
  </si>
  <si>
    <t>学校教育終了［未婚］</t>
    <phoneticPr fontId="2"/>
  </si>
  <si>
    <t>県西</t>
    <phoneticPr fontId="2"/>
  </si>
  <si>
    <t>大学、大学院等在学中</t>
    <phoneticPr fontId="2"/>
  </si>
  <si>
    <t>湘南</t>
    <phoneticPr fontId="2"/>
  </si>
  <si>
    <t>短大、専門学校等在学中</t>
    <phoneticPr fontId="2"/>
  </si>
  <si>
    <t>県央</t>
    <phoneticPr fontId="2"/>
  </si>
  <si>
    <t>高校在学中</t>
    <phoneticPr fontId="2"/>
  </si>
  <si>
    <t>横須賀三浦</t>
    <phoneticPr fontId="2"/>
  </si>
  <si>
    <t>中学校在学中</t>
    <phoneticPr fontId="2"/>
  </si>
  <si>
    <t>相模原</t>
    <phoneticPr fontId="2"/>
  </si>
  <si>
    <t>小学校在学中</t>
    <phoneticPr fontId="2"/>
  </si>
  <si>
    <t>川崎</t>
    <phoneticPr fontId="2"/>
  </si>
  <si>
    <t>小学校入学前</t>
    <phoneticPr fontId="2"/>
  </si>
  <si>
    <t>横浜</t>
    <phoneticPr fontId="2"/>
  </si>
  <si>
    <t>子どもの成長段階別</t>
  </si>
  <si>
    <t>居住地域別</t>
  </si>
  <si>
    <t>無回答</t>
  </si>
  <si>
    <t>どれも知らなかった</t>
  </si>
  <si>
    <t>恋人同士の間で起こる暴力を「デートＤＶ」という</t>
  </si>
  <si>
    <t>子どもの前でＤＶが行われることは、子どもへの虐待となる</t>
  </si>
  <si>
    <t>ＤＶ被害者は加害者から離れて自立生活するための支援や情報提供を受けることができる</t>
  </si>
  <si>
    <t>ＤＶ被害者相談窓口は、男性向けもある</t>
  </si>
  <si>
    <t>ＤＶ被害者相談窓口がある</t>
  </si>
  <si>
    <t>　全　体　　　　　　</t>
  </si>
  <si>
    <t>　　　　   　　上段：実数_x000D_
　　   　　　　下段：％　</t>
    <phoneticPr fontId="2"/>
  </si>
  <si>
    <t xml:space="preserve">問11　配偶者等からの暴力（ＤＶ）について、知っていたことを選んでください。 (○はいくつでも) </t>
  </si>
  <si>
    <t>配偶者等からの暴力</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5"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9"/>
      <color theme="1"/>
      <name val="ＭＳ 明朝"/>
      <family val="1"/>
      <charset val="128"/>
    </font>
    <font>
      <sz val="8"/>
      <color theme="1"/>
      <name val="ＭＳ 明朝"/>
      <family val="1"/>
      <charset val="128"/>
    </font>
  </fonts>
  <fills count="2">
    <fill>
      <patternFill patternType="none"/>
    </fill>
    <fill>
      <patternFill patternType="gray125"/>
    </fill>
  </fills>
  <borders count="26">
    <border>
      <left/>
      <right/>
      <top/>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hair">
        <color indexed="64"/>
      </left>
      <right style="thin">
        <color indexed="64"/>
      </right>
      <top/>
      <bottom/>
      <diagonal/>
    </border>
    <border>
      <left style="hair">
        <color indexed="64"/>
      </left>
      <right style="hair">
        <color indexed="64"/>
      </right>
      <top/>
      <bottom/>
      <diagonal/>
    </border>
    <border>
      <left style="thin">
        <color indexed="64"/>
      </left>
      <right style="hair">
        <color indexed="64"/>
      </right>
      <top/>
      <bottom/>
      <diagonal/>
    </border>
    <border>
      <left style="thin">
        <color indexed="64"/>
      </left>
      <right style="thin">
        <color indexed="64"/>
      </right>
      <top/>
      <bottom/>
      <diagonal/>
    </border>
    <border>
      <left/>
      <right style="thin">
        <color indexed="64"/>
      </right>
      <top/>
      <bottom/>
      <diagonal/>
    </border>
    <border>
      <left style="hair">
        <color indexed="64"/>
      </left>
      <right style="thin">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thin">
        <color indexed="64"/>
      </left>
      <right style="thin">
        <color indexed="64"/>
      </right>
      <top/>
      <bottom style="hair">
        <color indexed="64"/>
      </bottom>
      <diagonal/>
    </border>
    <border>
      <left/>
      <right style="thin">
        <color indexed="64"/>
      </right>
      <top/>
      <bottom style="hair">
        <color indexed="64"/>
      </bottom>
      <diagonal/>
    </border>
    <border>
      <left/>
      <right style="hair">
        <color indexed="64"/>
      </right>
      <top/>
      <bottom style="thin">
        <color indexed="64"/>
      </bottom>
      <diagonal/>
    </border>
    <border>
      <left/>
      <right style="hair">
        <color indexed="64"/>
      </right>
      <top/>
      <bottom/>
      <diagonal/>
    </border>
    <border>
      <left/>
      <right style="hair">
        <color indexed="64"/>
      </right>
      <top/>
      <bottom style="hair">
        <color indexed="64"/>
      </bottom>
      <diagonal/>
    </border>
    <border>
      <left style="hair">
        <color indexed="64"/>
      </left>
      <right style="thin">
        <color indexed="64"/>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thin">
        <color indexed="64"/>
      </right>
      <top style="thin">
        <color indexed="64"/>
      </top>
      <bottom/>
      <diagonal/>
    </border>
    <border>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8">
    <xf numFmtId="0" fontId="0" fillId="0" borderId="0" xfId="0">
      <alignment vertical="center"/>
    </xf>
    <xf numFmtId="176" fontId="3" fillId="0" borderId="1" xfId="0" applyNumberFormat="1" applyFont="1" applyBorder="1" applyAlignment="1">
      <alignment horizontal="right" vertical="center"/>
    </xf>
    <xf numFmtId="176" fontId="3" fillId="0" borderId="2"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4" xfId="0" applyNumberFormat="1" applyFont="1" applyBorder="1" applyAlignment="1">
      <alignment horizontal="right" vertical="center"/>
    </xf>
    <xf numFmtId="0" fontId="3" fillId="0" borderId="5" xfId="0" applyFont="1" applyBorder="1" applyAlignment="1">
      <alignment vertical="center" shrinkToFit="1"/>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8" xfId="0" applyFont="1" applyBorder="1" applyAlignment="1">
      <alignment horizontal="right" vertical="center"/>
    </xf>
    <xf numFmtId="38" fontId="3" fillId="0" borderId="9" xfId="1" applyFont="1" applyBorder="1" applyAlignment="1">
      <alignment horizontal="right" vertical="center"/>
    </xf>
    <xf numFmtId="0" fontId="3" fillId="0" borderId="10" xfId="0" applyFont="1" applyBorder="1" applyAlignment="1">
      <alignment vertical="center" shrinkToFit="1"/>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176" fontId="3" fillId="0" borderId="13" xfId="0" applyNumberFormat="1" applyFont="1" applyBorder="1" applyAlignment="1">
      <alignment horizontal="right" vertical="center"/>
    </xf>
    <xf numFmtId="176" fontId="3" fillId="0" borderId="14" xfId="0" applyNumberFormat="1" applyFont="1" applyBorder="1" applyAlignment="1">
      <alignment horizontal="right" vertical="center"/>
    </xf>
    <xf numFmtId="0" fontId="3" fillId="0" borderId="15" xfId="0" applyFont="1" applyBorder="1" applyAlignment="1">
      <alignment vertical="center" shrinkToFit="1"/>
    </xf>
    <xf numFmtId="176" fontId="3" fillId="0" borderId="16" xfId="0" applyNumberFormat="1" applyFont="1" applyBorder="1" applyAlignment="1">
      <alignment horizontal="right" vertical="center"/>
    </xf>
    <xf numFmtId="0" fontId="3" fillId="0" borderId="17" xfId="0" applyFont="1" applyBorder="1" applyAlignment="1">
      <alignment horizontal="right" vertical="center"/>
    </xf>
    <xf numFmtId="176" fontId="3" fillId="0" borderId="18" xfId="0" applyNumberFormat="1" applyFont="1" applyBorder="1" applyAlignment="1">
      <alignment horizontal="right" vertical="center"/>
    </xf>
    <xf numFmtId="0" fontId="3" fillId="0" borderId="19" xfId="0" applyFont="1" applyBorder="1" applyAlignment="1">
      <alignment horizontal="right" vertical="center"/>
    </xf>
    <xf numFmtId="0" fontId="3" fillId="0" borderId="20" xfId="0" applyFont="1" applyBorder="1" applyAlignment="1">
      <alignment horizontal="right" vertical="center"/>
    </xf>
    <xf numFmtId="0" fontId="3" fillId="0" borderId="21" xfId="0" applyFont="1" applyBorder="1" applyAlignment="1">
      <alignment horizontal="right" vertical="center"/>
    </xf>
    <xf numFmtId="38" fontId="3" fillId="0" borderId="22" xfId="1" applyFont="1" applyBorder="1" applyAlignment="1">
      <alignment horizontal="right" vertical="center"/>
    </xf>
    <xf numFmtId="0" fontId="3" fillId="0" borderId="23" xfId="0" applyFont="1" applyBorder="1" applyAlignment="1">
      <alignment vertical="center" shrinkToFit="1"/>
    </xf>
    <xf numFmtId="0" fontId="3" fillId="0" borderId="24" xfId="0" applyFont="1" applyBorder="1" applyAlignment="1">
      <alignment horizontal="right" vertical="center"/>
    </xf>
    <xf numFmtId="0" fontId="3" fillId="0" borderId="25" xfId="0" applyFont="1" applyBorder="1" applyAlignment="1">
      <alignment vertical="top" textRotation="255" wrapText="1"/>
    </xf>
    <xf numFmtId="0" fontId="3" fillId="0" borderId="20" xfId="0" applyFont="1" applyBorder="1" applyAlignment="1">
      <alignment vertical="top" textRotation="255" wrapText="1"/>
    </xf>
    <xf numFmtId="0" fontId="3" fillId="0" borderId="21" xfId="0" applyFont="1" applyBorder="1" applyAlignment="1">
      <alignment vertical="top" textRotation="255" wrapText="1"/>
    </xf>
    <xf numFmtId="0" fontId="3" fillId="0" borderId="22" xfId="0" applyFont="1" applyBorder="1" applyAlignment="1">
      <alignment vertical="top" textRotation="255" wrapText="1"/>
    </xf>
    <xf numFmtId="0" fontId="3" fillId="0" borderId="22" xfId="0" applyFont="1" applyBorder="1" applyAlignment="1">
      <alignment horizontal="left" wrapText="1"/>
    </xf>
    <xf numFmtId="0" fontId="3" fillId="0" borderId="10" xfId="0" applyFont="1" applyBorder="1">
      <alignment vertical="center"/>
    </xf>
    <xf numFmtId="0" fontId="3" fillId="0" borderId="24" xfId="0" applyFont="1" applyBorder="1" applyAlignment="1">
      <alignment vertical="top" textRotation="255" wrapText="1"/>
    </xf>
    <xf numFmtId="0" fontId="3" fillId="0" borderId="0" xfId="0" applyFont="1">
      <alignment vertical="center"/>
    </xf>
    <xf numFmtId="0" fontId="3" fillId="0" borderId="21" xfId="0" applyFont="1" applyBorder="1" applyAlignment="1">
      <alignment vertical="center" textRotation="255"/>
    </xf>
    <xf numFmtId="0" fontId="3" fillId="0" borderId="8" xfId="0" applyFont="1" applyBorder="1" applyAlignment="1">
      <alignment vertical="center" textRotation="255"/>
    </xf>
    <xf numFmtId="0" fontId="3" fillId="0" borderId="3" xfId="0" applyFont="1" applyBorder="1" applyAlignment="1">
      <alignment vertical="center" textRotation="255"/>
    </xf>
    <xf numFmtId="0" fontId="4" fillId="0" borderId="24" xfId="0" applyFont="1" applyBorder="1" applyAlignment="1">
      <alignment vertical="top" textRotation="255" wrapText="1"/>
    </xf>
    <xf numFmtId="0" fontId="4" fillId="0" borderId="20" xfId="0" applyFont="1" applyBorder="1" applyAlignment="1">
      <alignment vertical="top" textRotation="255"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22"/>
  <sheetViews>
    <sheetView showGridLines="0" tabSelected="1" view="pageBreakPreview" zoomScaleNormal="100" zoomScaleSheetLayoutView="100" workbookViewId="0">
      <selection activeCell="R3" sqref="R3"/>
    </sheetView>
  </sheetViews>
  <sheetFormatPr defaultRowHeight="18" x14ac:dyDescent="0.45"/>
  <cols>
    <col min="1" max="1" width="18.8984375" bestFit="1" customWidth="1"/>
    <col min="2" max="2" width="3.59765625" customWidth="1"/>
    <col min="3" max="3" width="38.59765625" customWidth="1"/>
    <col min="4" max="6" width="5.59765625" customWidth="1"/>
    <col min="7" max="7" width="7.09765625" bestFit="1" customWidth="1"/>
    <col min="8" max="11" width="5.59765625" customWidth="1"/>
    <col min="12" max="12" width="6.59765625" customWidth="1"/>
    <col min="13" max="13" width="3.59765625" customWidth="1"/>
    <col min="14" max="14" width="38.59765625" customWidth="1"/>
    <col min="15" max="17" width="5.59765625" customWidth="1"/>
    <col min="18" max="18" width="7.09765625" bestFit="1" customWidth="1"/>
    <col min="19" max="28" width="5.59765625" customWidth="1"/>
  </cols>
  <sheetData>
    <row r="1" spans="1:22" x14ac:dyDescent="0.45">
      <c r="A1" t="s">
        <v>89</v>
      </c>
      <c r="B1" s="32"/>
      <c r="C1" s="32" t="s">
        <v>88</v>
      </c>
      <c r="D1" s="32"/>
      <c r="E1" s="32"/>
      <c r="F1" s="32"/>
      <c r="G1" s="32"/>
      <c r="H1" s="32"/>
      <c r="I1" s="32"/>
      <c r="J1" s="32"/>
      <c r="K1" s="32"/>
      <c r="M1" s="32"/>
      <c r="N1" s="32"/>
      <c r="O1" s="32"/>
      <c r="P1" s="32"/>
      <c r="Q1" s="32"/>
      <c r="R1" s="32"/>
      <c r="S1" s="32"/>
      <c r="T1" s="32"/>
      <c r="U1" s="32"/>
      <c r="V1" s="32"/>
    </row>
    <row r="2" spans="1:22" x14ac:dyDescent="0.45">
      <c r="B2" s="32"/>
      <c r="C2" s="32"/>
      <c r="D2" s="32"/>
      <c r="E2" s="32"/>
      <c r="F2" s="32"/>
      <c r="G2" s="32"/>
      <c r="H2" s="32"/>
      <c r="I2" s="32"/>
      <c r="J2" s="32"/>
      <c r="K2" s="32"/>
      <c r="M2" s="32"/>
      <c r="N2" s="32"/>
      <c r="O2" s="32"/>
      <c r="P2" s="32"/>
      <c r="Q2" s="32"/>
      <c r="R2" s="32"/>
      <c r="S2" s="32"/>
      <c r="T2" s="32"/>
      <c r="U2" s="32"/>
      <c r="V2" s="32"/>
    </row>
    <row r="3" spans="1:22" ht="112.5" customHeight="1" x14ac:dyDescent="0.15">
      <c r="B3" s="30"/>
      <c r="C3" s="29" t="s">
        <v>87</v>
      </c>
      <c r="D3" s="28" t="s">
        <v>86</v>
      </c>
      <c r="E3" s="27" t="s">
        <v>85</v>
      </c>
      <c r="F3" s="31" t="s">
        <v>84</v>
      </c>
      <c r="G3" s="36" t="s">
        <v>83</v>
      </c>
      <c r="H3" s="31" t="s">
        <v>82</v>
      </c>
      <c r="I3" s="31" t="s">
        <v>81</v>
      </c>
      <c r="J3" s="31" t="s">
        <v>80</v>
      </c>
      <c r="K3" s="25" t="s">
        <v>79</v>
      </c>
      <c r="M3" s="30"/>
      <c r="N3" s="29" t="s">
        <v>87</v>
      </c>
      <c r="O3" s="28" t="s">
        <v>86</v>
      </c>
      <c r="P3" s="27" t="s">
        <v>85</v>
      </c>
      <c r="Q3" s="26" t="s">
        <v>84</v>
      </c>
      <c r="R3" s="37" t="s">
        <v>83</v>
      </c>
      <c r="S3" s="26" t="s">
        <v>82</v>
      </c>
      <c r="T3" s="26" t="s">
        <v>81</v>
      </c>
      <c r="U3" s="26" t="s">
        <v>80</v>
      </c>
      <c r="V3" s="25" t="s">
        <v>79</v>
      </c>
    </row>
    <row r="4" spans="1:22" ht="13.5" customHeight="1" x14ac:dyDescent="0.45">
      <c r="B4" s="33" t="s">
        <v>78</v>
      </c>
      <c r="C4" s="23" t="s">
        <v>23</v>
      </c>
      <c r="D4" s="22">
        <v>1185</v>
      </c>
      <c r="E4" s="21">
        <v>939</v>
      </c>
      <c r="F4" s="24">
        <v>340</v>
      </c>
      <c r="G4" s="24">
        <v>699</v>
      </c>
      <c r="H4" s="24">
        <v>618</v>
      </c>
      <c r="I4" s="24">
        <v>355</v>
      </c>
      <c r="J4" s="24">
        <v>123</v>
      </c>
      <c r="K4" s="19">
        <v>24</v>
      </c>
      <c r="M4" s="33" t="s">
        <v>77</v>
      </c>
      <c r="N4" s="23" t="s">
        <v>23</v>
      </c>
      <c r="O4" s="22">
        <v>1185</v>
      </c>
      <c r="P4" s="21">
        <v>939</v>
      </c>
      <c r="Q4" s="20">
        <v>340</v>
      </c>
      <c r="R4" s="20">
        <v>699</v>
      </c>
      <c r="S4" s="20">
        <v>618</v>
      </c>
      <c r="T4" s="20">
        <v>355</v>
      </c>
      <c r="U4" s="20">
        <v>123</v>
      </c>
      <c r="V4" s="19">
        <v>24</v>
      </c>
    </row>
    <row r="5" spans="1:22" ht="13.5" customHeight="1" x14ac:dyDescent="0.45">
      <c r="B5" s="34"/>
      <c r="C5" s="15"/>
      <c r="D5" s="14">
        <v>100</v>
      </c>
      <c r="E5" s="13">
        <v>79.2</v>
      </c>
      <c r="F5" s="12">
        <v>28.7</v>
      </c>
      <c r="G5" s="12">
        <v>59</v>
      </c>
      <c r="H5" s="12">
        <v>52.2</v>
      </c>
      <c r="I5" s="12">
        <v>30</v>
      </c>
      <c r="J5" s="12">
        <v>10.4</v>
      </c>
      <c r="K5" s="11">
        <v>2</v>
      </c>
      <c r="M5" s="34"/>
      <c r="N5" s="15"/>
      <c r="O5" s="14">
        <v>100</v>
      </c>
      <c r="P5" s="13">
        <v>79.2</v>
      </c>
      <c r="Q5" s="18">
        <v>28.7</v>
      </c>
      <c r="R5" s="18">
        <v>59</v>
      </c>
      <c r="S5" s="18">
        <v>52.2</v>
      </c>
      <c r="T5" s="18">
        <v>30</v>
      </c>
      <c r="U5" s="18">
        <v>10.4</v>
      </c>
      <c r="V5" s="11">
        <v>2</v>
      </c>
    </row>
    <row r="6" spans="1:22" ht="13.5" customHeight="1" x14ac:dyDescent="0.45">
      <c r="B6" s="34"/>
      <c r="C6" s="10" t="s">
        <v>76</v>
      </c>
      <c r="D6" s="9">
        <v>477</v>
      </c>
      <c r="E6" s="8">
        <v>377</v>
      </c>
      <c r="F6" s="7">
        <v>138</v>
      </c>
      <c r="G6" s="7">
        <v>285</v>
      </c>
      <c r="H6" s="7">
        <v>261</v>
      </c>
      <c r="I6" s="7">
        <v>154</v>
      </c>
      <c r="J6" s="7">
        <v>53</v>
      </c>
      <c r="K6" s="6">
        <v>7</v>
      </c>
      <c r="M6" s="34"/>
      <c r="N6" s="10" t="s">
        <v>75</v>
      </c>
      <c r="O6" s="9">
        <v>86</v>
      </c>
      <c r="P6" s="8">
        <v>71</v>
      </c>
      <c r="Q6" s="17">
        <v>34</v>
      </c>
      <c r="R6" s="17">
        <v>50</v>
      </c>
      <c r="S6" s="17">
        <v>54</v>
      </c>
      <c r="T6" s="17">
        <v>35</v>
      </c>
      <c r="U6" s="17">
        <v>7</v>
      </c>
      <c r="V6" s="6" t="s">
        <v>2</v>
      </c>
    </row>
    <row r="7" spans="1:22" ht="13.5" customHeight="1" x14ac:dyDescent="0.45">
      <c r="B7" s="34"/>
      <c r="C7" s="15"/>
      <c r="D7" s="14">
        <v>100</v>
      </c>
      <c r="E7" s="13">
        <v>79</v>
      </c>
      <c r="F7" s="12">
        <v>28.9</v>
      </c>
      <c r="G7" s="12">
        <v>59.7</v>
      </c>
      <c r="H7" s="12">
        <v>54.7</v>
      </c>
      <c r="I7" s="12">
        <v>32.299999999999997</v>
      </c>
      <c r="J7" s="12">
        <v>11.1</v>
      </c>
      <c r="K7" s="11">
        <v>1.5</v>
      </c>
      <c r="M7" s="34"/>
      <c r="N7" s="15"/>
      <c r="O7" s="14">
        <v>100</v>
      </c>
      <c r="P7" s="13">
        <v>82.6</v>
      </c>
      <c r="Q7" s="18">
        <v>39.5</v>
      </c>
      <c r="R7" s="18">
        <v>58.1</v>
      </c>
      <c r="S7" s="18">
        <v>62.8</v>
      </c>
      <c r="T7" s="18">
        <v>40.700000000000003</v>
      </c>
      <c r="U7" s="18">
        <v>8.1</v>
      </c>
      <c r="V7" s="11" t="s">
        <v>2</v>
      </c>
    </row>
    <row r="8" spans="1:22" ht="13.5" customHeight="1" x14ac:dyDescent="0.45">
      <c r="B8" s="34"/>
      <c r="C8" s="10" t="s">
        <v>74</v>
      </c>
      <c r="D8" s="9">
        <v>160</v>
      </c>
      <c r="E8" s="8">
        <v>128</v>
      </c>
      <c r="F8" s="7">
        <v>45</v>
      </c>
      <c r="G8" s="7">
        <v>96</v>
      </c>
      <c r="H8" s="7">
        <v>74</v>
      </c>
      <c r="I8" s="7">
        <v>48</v>
      </c>
      <c r="J8" s="7">
        <v>16</v>
      </c>
      <c r="K8" s="6">
        <v>4</v>
      </c>
      <c r="M8" s="34"/>
      <c r="N8" s="10" t="s">
        <v>73</v>
      </c>
      <c r="O8" s="9">
        <v>135</v>
      </c>
      <c r="P8" s="8">
        <v>118</v>
      </c>
      <c r="Q8" s="17">
        <v>55</v>
      </c>
      <c r="R8" s="17">
        <v>80</v>
      </c>
      <c r="S8" s="17">
        <v>82</v>
      </c>
      <c r="T8" s="17">
        <v>45</v>
      </c>
      <c r="U8" s="17">
        <v>12</v>
      </c>
      <c r="V8" s="6">
        <v>1</v>
      </c>
    </row>
    <row r="9" spans="1:22" ht="13.5" customHeight="1" x14ac:dyDescent="0.45">
      <c r="B9" s="34"/>
      <c r="C9" s="15"/>
      <c r="D9" s="14">
        <v>100</v>
      </c>
      <c r="E9" s="13">
        <v>80</v>
      </c>
      <c r="F9" s="12">
        <v>28.1</v>
      </c>
      <c r="G9" s="12">
        <v>60</v>
      </c>
      <c r="H9" s="12">
        <v>46.3</v>
      </c>
      <c r="I9" s="12">
        <v>30</v>
      </c>
      <c r="J9" s="12">
        <v>10</v>
      </c>
      <c r="K9" s="11">
        <v>2.5</v>
      </c>
      <c r="M9" s="34"/>
      <c r="N9" s="15"/>
      <c r="O9" s="14">
        <v>100</v>
      </c>
      <c r="P9" s="13">
        <v>87.4</v>
      </c>
      <c r="Q9" s="18">
        <v>40.700000000000003</v>
      </c>
      <c r="R9" s="18">
        <v>59.3</v>
      </c>
      <c r="S9" s="18">
        <v>60.7</v>
      </c>
      <c r="T9" s="18">
        <v>33.299999999999997</v>
      </c>
      <c r="U9" s="18">
        <v>8.9</v>
      </c>
      <c r="V9" s="11">
        <v>0.7</v>
      </c>
    </row>
    <row r="10" spans="1:22" ht="13.5" customHeight="1" x14ac:dyDescent="0.45">
      <c r="B10" s="34"/>
      <c r="C10" s="10" t="s">
        <v>72</v>
      </c>
      <c r="D10" s="9">
        <v>77</v>
      </c>
      <c r="E10" s="8">
        <v>53</v>
      </c>
      <c r="F10" s="7">
        <v>20</v>
      </c>
      <c r="G10" s="7">
        <v>47</v>
      </c>
      <c r="H10" s="7">
        <v>38</v>
      </c>
      <c r="I10" s="7">
        <v>18</v>
      </c>
      <c r="J10" s="7">
        <v>11</v>
      </c>
      <c r="K10" s="6">
        <v>1</v>
      </c>
      <c r="M10" s="34"/>
      <c r="N10" s="10" t="s">
        <v>71</v>
      </c>
      <c r="O10" s="9">
        <v>99</v>
      </c>
      <c r="P10" s="8">
        <v>87</v>
      </c>
      <c r="Q10" s="17">
        <v>30</v>
      </c>
      <c r="R10" s="17">
        <v>57</v>
      </c>
      <c r="S10" s="17">
        <v>49</v>
      </c>
      <c r="T10" s="17">
        <v>36</v>
      </c>
      <c r="U10" s="17">
        <v>7</v>
      </c>
      <c r="V10" s="6">
        <v>1</v>
      </c>
    </row>
    <row r="11" spans="1:22" ht="13.5" customHeight="1" x14ac:dyDescent="0.45">
      <c r="B11" s="34"/>
      <c r="C11" s="15"/>
      <c r="D11" s="14">
        <v>100</v>
      </c>
      <c r="E11" s="13">
        <v>68.8</v>
      </c>
      <c r="F11" s="12">
        <v>26</v>
      </c>
      <c r="G11" s="12">
        <v>61</v>
      </c>
      <c r="H11" s="12">
        <v>49.4</v>
      </c>
      <c r="I11" s="12">
        <v>23.4</v>
      </c>
      <c r="J11" s="12">
        <v>14.3</v>
      </c>
      <c r="K11" s="11">
        <v>1.3</v>
      </c>
      <c r="M11" s="34"/>
      <c r="N11" s="15"/>
      <c r="O11" s="14">
        <v>100</v>
      </c>
      <c r="P11" s="13">
        <v>87.9</v>
      </c>
      <c r="Q11" s="18">
        <v>30.3</v>
      </c>
      <c r="R11" s="18">
        <v>57.6</v>
      </c>
      <c r="S11" s="18">
        <v>49.5</v>
      </c>
      <c r="T11" s="18">
        <v>36.4</v>
      </c>
      <c r="U11" s="18">
        <v>7.1</v>
      </c>
      <c r="V11" s="11">
        <v>1</v>
      </c>
    </row>
    <row r="12" spans="1:22" ht="13.5" customHeight="1" x14ac:dyDescent="0.45">
      <c r="B12" s="34"/>
      <c r="C12" s="10" t="s">
        <v>70</v>
      </c>
      <c r="D12" s="9">
        <v>104</v>
      </c>
      <c r="E12" s="8">
        <v>86</v>
      </c>
      <c r="F12" s="7">
        <v>36</v>
      </c>
      <c r="G12" s="7">
        <v>54</v>
      </c>
      <c r="H12" s="7">
        <v>56</v>
      </c>
      <c r="I12" s="7">
        <v>30</v>
      </c>
      <c r="J12" s="7">
        <v>8</v>
      </c>
      <c r="K12" s="6">
        <v>2</v>
      </c>
      <c r="M12" s="34"/>
      <c r="N12" s="10" t="s">
        <v>69</v>
      </c>
      <c r="O12" s="9">
        <v>94</v>
      </c>
      <c r="P12" s="8">
        <v>83</v>
      </c>
      <c r="Q12" s="17">
        <v>30</v>
      </c>
      <c r="R12" s="17">
        <v>56</v>
      </c>
      <c r="S12" s="17">
        <v>55</v>
      </c>
      <c r="T12" s="17">
        <v>38</v>
      </c>
      <c r="U12" s="17">
        <v>7</v>
      </c>
      <c r="V12" s="6" t="s">
        <v>2</v>
      </c>
    </row>
    <row r="13" spans="1:22" ht="13.5" customHeight="1" x14ac:dyDescent="0.45">
      <c r="B13" s="34"/>
      <c r="C13" s="15"/>
      <c r="D13" s="14">
        <v>100</v>
      </c>
      <c r="E13" s="13">
        <v>82.7</v>
      </c>
      <c r="F13" s="12">
        <v>34.6</v>
      </c>
      <c r="G13" s="12">
        <v>51.9</v>
      </c>
      <c r="H13" s="12">
        <v>53.8</v>
      </c>
      <c r="I13" s="12">
        <v>28.8</v>
      </c>
      <c r="J13" s="12">
        <v>7.7</v>
      </c>
      <c r="K13" s="11">
        <v>1.9</v>
      </c>
      <c r="M13" s="34"/>
      <c r="N13" s="15"/>
      <c r="O13" s="14">
        <v>100</v>
      </c>
      <c r="P13" s="13">
        <v>88.3</v>
      </c>
      <c r="Q13" s="18">
        <v>31.9</v>
      </c>
      <c r="R13" s="18">
        <v>59.6</v>
      </c>
      <c r="S13" s="18">
        <v>58.5</v>
      </c>
      <c r="T13" s="18">
        <v>40.4</v>
      </c>
      <c r="U13" s="18">
        <v>7.4</v>
      </c>
      <c r="V13" s="11" t="s">
        <v>2</v>
      </c>
    </row>
    <row r="14" spans="1:22" ht="13.5" customHeight="1" x14ac:dyDescent="0.45">
      <c r="B14" s="34"/>
      <c r="C14" s="10" t="s">
        <v>68</v>
      </c>
      <c r="D14" s="9">
        <v>115</v>
      </c>
      <c r="E14" s="8">
        <v>94</v>
      </c>
      <c r="F14" s="7">
        <v>32</v>
      </c>
      <c r="G14" s="7">
        <v>70</v>
      </c>
      <c r="H14" s="7">
        <v>59</v>
      </c>
      <c r="I14" s="7">
        <v>37</v>
      </c>
      <c r="J14" s="7">
        <v>9</v>
      </c>
      <c r="K14" s="6">
        <v>4</v>
      </c>
      <c r="M14" s="34"/>
      <c r="N14" s="10" t="s">
        <v>67</v>
      </c>
      <c r="O14" s="9">
        <v>15</v>
      </c>
      <c r="P14" s="8">
        <v>12</v>
      </c>
      <c r="Q14" s="17">
        <v>5</v>
      </c>
      <c r="R14" s="17">
        <v>10</v>
      </c>
      <c r="S14" s="17">
        <v>11</v>
      </c>
      <c r="T14" s="17">
        <v>4</v>
      </c>
      <c r="U14" s="17" t="s">
        <v>2</v>
      </c>
      <c r="V14" s="6" t="s">
        <v>2</v>
      </c>
    </row>
    <row r="15" spans="1:22" ht="13.5" customHeight="1" x14ac:dyDescent="0.45">
      <c r="B15" s="34"/>
      <c r="C15" s="15"/>
      <c r="D15" s="14">
        <v>100</v>
      </c>
      <c r="E15" s="13">
        <v>81.7</v>
      </c>
      <c r="F15" s="12">
        <v>27.8</v>
      </c>
      <c r="G15" s="12">
        <v>60.9</v>
      </c>
      <c r="H15" s="12">
        <v>51.3</v>
      </c>
      <c r="I15" s="12">
        <v>32.200000000000003</v>
      </c>
      <c r="J15" s="12">
        <v>7.8</v>
      </c>
      <c r="K15" s="11">
        <v>3.5</v>
      </c>
      <c r="M15" s="34"/>
      <c r="N15" s="15"/>
      <c r="O15" s="14">
        <v>100</v>
      </c>
      <c r="P15" s="13">
        <v>80</v>
      </c>
      <c r="Q15" s="18">
        <v>33.299999999999997</v>
      </c>
      <c r="R15" s="18">
        <v>66.7</v>
      </c>
      <c r="S15" s="18">
        <v>73.3</v>
      </c>
      <c r="T15" s="18">
        <v>26.7</v>
      </c>
      <c r="U15" s="18" t="s">
        <v>2</v>
      </c>
      <c r="V15" s="11" t="s">
        <v>2</v>
      </c>
    </row>
    <row r="16" spans="1:22" ht="13.5" customHeight="1" x14ac:dyDescent="0.45">
      <c r="B16" s="34"/>
      <c r="C16" s="10" t="s">
        <v>66</v>
      </c>
      <c r="D16" s="9">
        <v>187</v>
      </c>
      <c r="E16" s="8">
        <v>147</v>
      </c>
      <c r="F16" s="7">
        <v>51</v>
      </c>
      <c r="G16" s="7">
        <v>116</v>
      </c>
      <c r="H16" s="7">
        <v>101</v>
      </c>
      <c r="I16" s="7">
        <v>54</v>
      </c>
      <c r="J16" s="7">
        <v>19</v>
      </c>
      <c r="K16" s="6">
        <v>3</v>
      </c>
      <c r="M16" s="34"/>
      <c r="N16" s="10" t="s">
        <v>65</v>
      </c>
      <c r="O16" s="9">
        <v>98</v>
      </c>
      <c r="P16" s="8">
        <v>79</v>
      </c>
      <c r="Q16" s="17">
        <v>27</v>
      </c>
      <c r="R16" s="17">
        <v>56</v>
      </c>
      <c r="S16" s="17">
        <v>57</v>
      </c>
      <c r="T16" s="17">
        <v>33</v>
      </c>
      <c r="U16" s="17">
        <v>11</v>
      </c>
      <c r="V16" s="6" t="s">
        <v>2</v>
      </c>
    </row>
    <row r="17" spans="2:22" ht="13.5" customHeight="1" x14ac:dyDescent="0.45">
      <c r="B17" s="34"/>
      <c r="C17" s="15"/>
      <c r="D17" s="14">
        <v>100</v>
      </c>
      <c r="E17" s="13">
        <v>78.599999999999994</v>
      </c>
      <c r="F17" s="12">
        <v>27.3</v>
      </c>
      <c r="G17" s="12">
        <v>62</v>
      </c>
      <c r="H17" s="12">
        <v>54</v>
      </c>
      <c r="I17" s="12">
        <v>28.9</v>
      </c>
      <c r="J17" s="12">
        <v>10.199999999999999</v>
      </c>
      <c r="K17" s="11">
        <v>1.6</v>
      </c>
      <c r="M17" s="34"/>
      <c r="N17" s="15"/>
      <c r="O17" s="14">
        <v>100</v>
      </c>
      <c r="P17" s="13">
        <v>80.599999999999994</v>
      </c>
      <c r="Q17" s="18">
        <v>27.6</v>
      </c>
      <c r="R17" s="18">
        <v>57.1</v>
      </c>
      <c r="S17" s="18">
        <v>58.2</v>
      </c>
      <c r="T17" s="18">
        <v>33.700000000000003</v>
      </c>
      <c r="U17" s="18">
        <v>11.2</v>
      </c>
      <c r="V17" s="11" t="s">
        <v>2</v>
      </c>
    </row>
    <row r="18" spans="2:22" ht="13.5" customHeight="1" x14ac:dyDescent="0.45">
      <c r="B18" s="34"/>
      <c r="C18" s="10" t="s">
        <v>64</v>
      </c>
      <c r="D18" s="9">
        <v>55</v>
      </c>
      <c r="E18" s="8">
        <v>47</v>
      </c>
      <c r="F18" s="7">
        <v>16</v>
      </c>
      <c r="G18" s="7">
        <v>26</v>
      </c>
      <c r="H18" s="7">
        <v>24</v>
      </c>
      <c r="I18" s="7">
        <v>11</v>
      </c>
      <c r="J18" s="7">
        <v>6</v>
      </c>
      <c r="K18" s="6">
        <v>2</v>
      </c>
      <c r="M18" s="34"/>
      <c r="N18" s="10" t="s">
        <v>63</v>
      </c>
      <c r="O18" s="9">
        <v>284</v>
      </c>
      <c r="P18" s="8">
        <v>224</v>
      </c>
      <c r="Q18" s="17">
        <v>70</v>
      </c>
      <c r="R18" s="17">
        <v>177</v>
      </c>
      <c r="S18" s="17">
        <v>143</v>
      </c>
      <c r="T18" s="17">
        <v>76</v>
      </c>
      <c r="U18" s="17">
        <v>29</v>
      </c>
      <c r="V18" s="6">
        <v>8</v>
      </c>
    </row>
    <row r="19" spans="2:22" ht="13.5" customHeight="1" x14ac:dyDescent="0.45">
      <c r="B19" s="34"/>
      <c r="C19" s="15"/>
      <c r="D19" s="14">
        <v>100</v>
      </c>
      <c r="E19" s="13">
        <v>85.5</v>
      </c>
      <c r="F19" s="12">
        <v>29.1</v>
      </c>
      <c r="G19" s="12">
        <v>47.3</v>
      </c>
      <c r="H19" s="12">
        <v>43.6</v>
      </c>
      <c r="I19" s="12">
        <v>20</v>
      </c>
      <c r="J19" s="12">
        <v>10.9</v>
      </c>
      <c r="K19" s="11">
        <v>3.6</v>
      </c>
      <c r="M19" s="34"/>
      <c r="N19" s="15"/>
      <c r="O19" s="14">
        <v>100</v>
      </c>
      <c r="P19" s="13">
        <v>78.900000000000006</v>
      </c>
      <c r="Q19" s="18">
        <v>24.6</v>
      </c>
      <c r="R19" s="18">
        <v>62.3</v>
      </c>
      <c r="S19" s="18">
        <v>50.4</v>
      </c>
      <c r="T19" s="18">
        <v>26.8</v>
      </c>
      <c r="U19" s="18">
        <v>10.199999999999999</v>
      </c>
      <c r="V19" s="11">
        <v>2.8</v>
      </c>
    </row>
    <row r="20" spans="2:22" ht="13.5" customHeight="1" x14ac:dyDescent="0.45">
      <c r="B20" s="34"/>
      <c r="C20" s="10" t="s">
        <v>0</v>
      </c>
      <c r="D20" s="9">
        <v>10</v>
      </c>
      <c r="E20" s="8">
        <v>7</v>
      </c>
      <c r="F20" s="7">
        <v>2</v>
      </c>
      <c r="G20" s="7">
        <v>5</v>
      </c>
      <c r="H20" s="7">
        <v>5</v>
      </c>
      <c r="I20" s="7">
        <v>3</v>
      </c>
      <c r="J20" s="7">
        <v>1</v>
      </c>
      <c r="K20" s="6">
        <v>1</v>
      </c>
      <c r="M20" s="34"/>
      <c r="N20" s="10" t="s">
        <v>62</v>
      </c>
      <c r="O20" s="9">
        <v>327</v>
      </c>
      <c r="P20" s="8">
        <v>250</v>
      </c>
      <c r="Q20" s="17">
        <v>79</v>
      </c>
      <c r="R20" s="17">
        <v>202</v>
      </c>
      <c r="S20" s="17">
        <v>167</v>
      </c>
      <c r="T20" s="17">
        <v>75</v>
      </c>
      <c r="U20" s="17">
        <v>34</v>
      </c>
      <c r="V20" s="6">
        <v>10</v>
      </c>
    </row>
    <row r="21" spans="2:22" ht="13.5" customHeight="1" x14ac:dyDescent="0.45">
      <c r="B21" s="35"/>
      <c r="C21" s="5"/>
      <c r="D21" s="4">
        <v>100</v>
      </c>
      <c r="E21" s="3">
        <v>70</v>
      </c>
      <c r="F21" s="2">
        <v>20</v>
      </c>
      <c r="G21" s="2">
        <v>50</v>
      </c>
      <c r="H21" s="2">
        <v>50</v>
      </c>
      <c r="I21" s="2">
        <v>30</v>
      </c>
      <c r="J21" s="2">
        <v>10</v>
      </c>
      <c r="K21" s="1">
        <v>10</v>
      </c>
      <c r="M21" s="34"/>
      <c r="N21" s="15"/>
      <c r="O21" s="14">
        <v>100</v>
      </c>
      <c r="P21" s="13">
        <v>76.5</v>
      </c>
      <c r="Q21" s="18">
        <v>24.2</v>
      </c>
      <c r="R21" s="18">
        <v>61.8</v>
      </c>
      <c r="S21" s="18">
        <v>51.1</v>
      </c>
      <c r="T21" s="18">
        <v>22.9</v>
      </c>
      <c r="U21" s="18">
        <v>10.4</v>
      </c>
      <c r="V21" s="11">
        <v>3.1</v>
      </c>
    </row>
    <row r="22" spans="2:22" ht="13.5" customHeight="1" x14ac:dyDescent="0.45">
      <c r="B22" s="33" t="s">
        <v>61</v>
      </c>
      <c r="C22" s="23" t="s">
        <v>23</v>
      </c>
      <c r="D22" s="22">
        <v>1185</v>
      </c>
      <c r="E22" s="21">
        <v>939</v>
      </c>
      <c r="F22" s="24">
        <v>340</v>
      </c>
      <c r="G22" s="24">
        <v>699</v>
      </c>
      <c r="H22" s="24">
        <v>618</v>
      </c>
      <c r="I22" s="24">
        <v>355</v>
      </c>
      <c r="J22" s="24">
        <v>123</v>
      </c>
      <c r="K22" s="19">
        <v>24</v>
      </c>
      <c r="M22" s="34"/>
      <c r="N22" s="10" t="s">
        <v>27</v>
      </c>
      <c r="O22" s="9">
        <v>31</v>
      </c>
      <c r="P22" s="8">
        <v>26</v>
      </c>
      <c r="Q22" s="17">
        <v>7</v>
      </c>
      <c r="R22" s="17">
        <v>18</v>
      </c>
      <c r="S22" s="17">
        <v>15</v>
      </c>
      <c r="T22" s="17">
        <v>8</v>
      </c>
      <c r="U22" s="17">
        <v>2</v>
      </c>
      <c r="V22" s="6" t="s">
        <v>2</v>
      </c>
    </row>
    <row r="23" spans="2:22" ht="13.5" customHeight="1" x14ac:dyDescent="0.45">
      <c r="B23" s="34"/>
      <c r="C23" s="15"/>
      <c r="D23" s="14">
        <v>100</v>
      </c>
      <c r="E23" s="13">
        <v>79.2</v>
      </c>
      <c r="F23" s="12">
        <v>28.7</v>
      </c>
      <c r="G23" s="12">
        <v>59</v>
      </c>
      <c r="H23" s="12">
        <v>52.2</v>
      </c>
      <c r="I23" s="12">
        <v>30</v>
      </c>
      <c r="J23" s="12">
        <v>10.4</v>
      </c>
      <c r="K23" s="11">
        <v>2</v>
      </c>
      <c r="M23" s="34"/>
      <c r="N23" s="15"/>
      <c r="O23" s="14">
        <v>100</v>
      </c>
      <c r="P23" s="13">
        <v>83.9</v>
      </c>
      <c r="Q23" s="18">
        <v>22.6</v>
      </c>
      <c r="R23" s="18">
        <v>58.1</v>
      </c>
      <c r="S23" s="18">
        <v>48.4</v>
      </c>
      <c r="T23" s="18">
        <v>25.8</v>
      </c>
      <c r="U23" s="18">
        <v>6.5</v>
      </c>
      <c r="V23" s="11" t="s">
        <v>2</v>
      </c>
    </row>
    <row r="24" spans="2:22" ht="13.5" customHeight="1" x14ac:dyDescent="0.45">
      <c r="B24" s="34"/>
      <c r="C24" s="10" t="s">
        <v>60</v>
      </c>
      <c r="D24" s="9">
        <v>536</v>
      </c>
      <c r="E24" s="8">
        <v>395</v>
      </c>
      <c r="F24" s="7">
        <v>135</v>
      </c>
      <c r="G24" s="7">
        <v>258</v>
      </c>
      <c r="H24" s="7">
        <v>236</v>
      </c>
      <c r="I24" s="7">
        <v>133</v>
      </c>
      <c r="J24" s="7">
        <v>83</v>
      </c>
      <c r="K24" s="6">
        <v>11</v>
      </c>
      <c r="M24" s="34"/>
      <c r="N24" s="10" t="s">
        <v>59</v>
      </c>
      <c r="O24" s="9">
        <v>334</v>
      </c>
      <c r="P24" s="8">
        <v>262</v>
      </c>
      <c r="Q24" s="17">
        <v>99</v>
      </c>
      <c r="R24" s="17">
        <v>180</v>
      </c>
      <c r="S24" s="17">
        <v>161</v>
      </c>
      <c r="T24" s="17">
        <v>109</v>
      </c>
      <c r="U24" s="17">
        <v>42</v>
      </c>
      <c r="V24" s="6">
        <v>5</v>
      </c>
    </row>
    <row r="25" spans="2:22" ht="13.5" customHeight="1" x14ac:dyDescent="0.45">
      <c r="B25" s="34"/>
      <c r="C25" s="15"/>
      <c r="D25" s="14">
        <v>100</v>
      </c>
      <c r="E25" s="13">
        <v>73.7</v>
      </c>
      <c r="F25" s="12">
        <v>25.2</v>
      </c>
      <c r="G25" s="12">
        <v>48.1</v>
      </c>
      <c r="H25" s="12">
        <v>44</v>
      </c>
      <c r="I25" s="12">
        <v>24.8</v>
      </c>
      <c r="J25" s="12">
        <v>15.5</v>
      </c>
      <c r="K25" s="11">
        <v>2.1</v>
      </c>
      <c r="M25" s="34"/>
      <c r="N25" s="15"/>
      <c r="O25" s="14">
        <v>100</v>
      </c>
      <c r="P25" s="13">
        <v>78.400000000000006</v>
      </c>
      <c r="Q25" s="18">
        <v>29.6</v>
      </c>
      <c r="R25" s="18">
        <v>53.9</v>
      </c>
      <c r="S25" s="18">
        <v>48.2</v>
      </c>
      <c r="T25" s="18">
        <v>32.6</v>
      </c>
      <c r="U25" s="18">
        <v>12.6</v>
      </c>
      <c r="V25" s="11">
        <v>1.5</v>
      </c>
    </row>
    <row r="26" spans="2:22" ht="13.5" customHeight="1" x14ac:dyDescent="0.45">
      <c r="B26" s="34"/>
      <c r="C26" s="10" t="s">
        <v>58</v>
      </c>
      <c r="D26" s="9">
        <v>603</v>
      </c>
      <c r="E26" s="8">
        <v>513</v>
      </c>
      <c r="F26" s="7">
        <v>195</v>
      </c>
      <c r="G26" s="7">
        <v>423</v>
      </c>
      <c r="H26" s="7">
        <v>366</v>
      </c>
      <c r="I26" s="7">
        <v>211</v>
      </c>
      <c r="J26" s="7">
        <v>33</v>
      </c>
      <c r="K26" s="6">
        <v>7</v>
      </c>
      <c r="M26" s="34"/>
      <c r="N26" s="10" t="s">
        <v>0</v>
      </c>
      <c r="O26" s="9">
        <v>19</v>
      </c>
      <c r="P26" s="8">
        <v>12</v>
      </c>
      <c r="Q26" s="17">
        <v>2</v>
      </c>
      <c r="R26" s="17">
        <v>9</v>
      </c>
      <c r="S26" s="17">
        <v>7</v>
      </c>
      <c r="T26" s="17">
        <v>5</v>
      </c>
      <c r="U26" s="17">
        <v>2</v>
      </c>
      <c r="V26" s="6">
        <v>2</v>
      </c>
    </row>
    <row r="27" spans="2:22" ht="13.5" customHeight="1" x14ac:dyDescent="0.45">
      <c r="B27" s="34"/>
      <c r="C27" s="15"/>
      <c r="D27" s="14">
        <v>100</v>
      </c>
      <c r="E27" s="13">
        <v>85.1</v>
      </c>
      <c r="F27" s="12">
        <v>32.299999999999997</v>
      </c>
      <c r="G27" s="12">
        <v>70.099999999999994</v>
      </c>
      <c r="H27" s="12">
        <v>60.7</v>
      </c>
      <c r="I27" s="12">
        <v>35</v>
      </c>
      <c r="J27" s="12">
        <v>5.5</v>
      </c>
      <c r="K27" s="11">
        <v>1.2</v>
      </c>
      <c r="M27" s="35"/>
      <c r="N27" s="5"/>
      <c r="O27" s="4">
        <v>100</v>
      </c>
      <c r="P27" s="3">
        <v>63.2</v>
      </c>
      <c r="Q27" s="16">
        <v>10.5</v>
      </c>
      <c r="R27" s="16">
        <v>47.4</v>
      </c>
      <c r="S27" s="16">
        <v>36.799999999999997</v>
      </c>
      <c r="T27" s="16">
        <v>26.3</v>
      </c>
      <c r="U27" s="16">
        <v>10.5</v>
      </c>
      <c r="V27" s="1">
        <v>10.5</v>
      </c>
    </row>
    <row r="28" spans="2:22" ht="13.5" customHeight="1" x14ac:dyDescent="0.45">
      <c r="B28" s="34"/>
      <c r="C28" s="10" t="s">
        <v>0</v>
      </c>
      <c r="D28" s="9">
        <v>46</v>
      </c>
      <c r="E28" s="8">
        <v>31</v>
      </c>
      <c r="F28" s="7">
        <v>10</v>
      </c>
      <c r="G28" s="7">
        <v>18</v>
      </c>
      <c r="H28" s="7">
        <v>16</v>
      </c>
      <c r="I28" s="7">
        <v>11</v>
      </c>
      <c r="J28" s="7">
        <v>7</v>
      </c>
      <c r="K28" s="6">
        <v>6</v>
      </c>
      <c r="M28" s="33" t="s">
        <v>57</v>
      </c>
      <c r="N28" s="23" t="s">
        <v>23</v>
      </c>
      <c r="O28" s="22">
        <v>1185</v>
      </c>
      <c r="P28" s="21">
        <v>939</v>
      </c>
      <c r="Q28" s="20">
        <v>340</v>
      </c>
      <c r="R28" s="20">
        <v>699</v>
      </c>
      <c r="S28" s="20">
        <v>618</v>
      </c>
      <c r="T28" s="20">
        <v>355</v>
      </c>
      <c r="U28" s="20">
        <v>123</v>
      </c>
      <c r="V28" s="19">
        <v>24</v>
      </c>
    </row>
    <row r="29" spans="2:22" ht="13.5" customHeight="1" x14ac:dyDescent="0.45">
      <c r="B29" s="35"/>
      <c r="C29" s="5"/>
      <c r="D29" s="4">
        <v>100</v>
      </c>
      <c r="E29" s="3">
        <v>67.400000000000006</v>
      </c>
      <c r="F29" s="2">
        <v>21.7</v>
      </c>
      <c r="G29" s="2">
        <v>39.1</v>
      </c>
      <c r="H29" s="2">
        <v>34.799999999999997</v>
      </c>
      <c r="I29" s="2">
        <v>23.9</v>
      </c>
      <c r="J29" s="2">
        <v>15.2</v>
      </c>
      <c r="K29" s="1">
        <v>13</v>
      </c>
      <c r="M29" s="34"/>
      <c r="N29" s="15"/>
      <c r="O29" s="14">
        <v>100</v>
      </c>
      <c r="P29" s="13">
        <v>79.2</v>
      </c>
      <c r="Q29" s="18">
        <v>28.7</v>
      </c>
      <c r="R29" s="18">
        <v>59</v>
      </c>
      <c r="S29" s="18">
        <v>52.2</v>
      </c>
      <c r="T29" s="18">
        <v>30</v>
      </c>
      <c r="U29" s="18">
        <v>10.4</v>
      </c>
      <c r="V29" s="11">
        <v>2</v>
      </c>
    </row>
    <row r="30" spans="2:22" ht="13.5" customHeight="1" x14ac:dyDescent="0.45">
      <c r="B30" s="33" t="s">
        <v>56</v>
      </c>
      <c r="C30" s="23" t="s">
        <v>23</v>
      </c>
      <c r="D30" s="22">
        <v>1185</v>
      </c>
      <c r="E30" s="21">
        <v>939</v>
      </c>
      <c r="F30" s="24">
        <v>340</v>
      </c>
      <c r="G30" s="24">
        <v>699</v>
      </c>
      <c r="H30" s="24">
        <v>618</v>
      </c>
      <c r="I30" s="24">
        <v>355</v>
      </c>
      <c r="J30" s="24">
        <v>123</v>
      </c>
      <c r="K30" s="19">
        <v>24</v>
      </c>
      <c r="M30" s="34"/>
      <c r="N30" s="10" t="s">
        <v>55</v>
      </c>
      <c r="O30" s="9">
        <v>143</v>
      </c>
      <c r="P30" s="8">
        <v>102</v>
      </c>
      <c r="Q30" s="17">
        <v>31</v>
      </c>
      <c r="R30" s="17">
        <v>72</v>
      </c>
      <c r="S30" s="17">
        <v>64</v>
      </c>
      <c r="T30" s="17">
        <v>37</v>
      </c>
      <c r="U30" s="17">
        <v>25</v>
      </c>
      <c r="V30" s="6">
        <v>5</v>
      </c>
    </row>
    <row r="31" spans="2:22" ht="13.5" customHeight="1" x14ac:dyDescent="0.45">
      <c r="B31" s="34"/>
      <c r="C31" s="15"/>
      <c r="D31" s="14">
        <v>100</v>
      </c>
      <c r="E31" s="13">
        <v>79.2</v>
      </c>
      <c r="F31" s="12">
        <v>28.7</v>
      </c>
      <c r="G31" s="12">
        <v>59</v>
      </c>
      <c r="H31" s="12">
        <v>52.2</v>
      </c>
      <c r="I31" s="12">
        <v>30</v>
      </c>
      <c r="J31" s="12">
        <v>10.4</v>
      </c>
      <c r="K31" s="11">
        <v>2</v>
      </c>
      <c r="M31" s="34"/>
      <c r="N31" s="15"/>
      <c r="O31" s="14">
        <v>100</v>
      </c>
      <c r="P31" s="13">
        <v>71.3</v>
      </c>
      <c r="Q31" s="18">
        <v>21.7</v>
      </c>
      <c r="R31" s="18">
        <v>50.3</v>
      </c>
      <c r="S31" s="18">
        <v>44.8</v>
      </c>
      <c r="T31" s="18">
        <v>25.9</v>
      </c>
      <c r="U31" s="18">
        <v>17.5</v>
      </c>
      <c r="V31" s="11">
        <v>3.5</v>
      </c>
    </row>
    <row r="32" spans="2:22" ht="13.5" customHeight="1" x14ac:dyDescent="0.45">
      <c r="B32" s="34"/>
      <c r="C32" s="10" t="s">
        <v>54</v>
      </c>
      <c r="D32" s="9" t="s">
        <v>2</v>
      </c>
      <c r="E32" s="8" t="s">
        <v>2</v>
      </c>
      <c r="F32" s="7" t="s">
        <v>2</v>
      </c>
      <c r="G32" s="7" t="s">
        <v>2</v>
      </c>
      <c r="H32" s="7" t="s">
        <v>2</v>
      </c>
      <c r="I32" s="7" t="s">
        <v>2</v>
      </c>
      <c r="J32" s="7" t="s">
        <v>2</v>
      </c>
      <c r="K32" s="6" t="s">
        <v>2</v>
      </c>
      <c r="M32" s="34"/>
      <c r="N32" s="10" t="s">
        <v>53</v>
      </c>
      <c r="O32" s="9">
        <v>368</v>
      </c>
      <c r="P32" s="8">
        <v>284</v>
      </c>
      <c r="Q32" s="17">
        <v>103</v>
      </c>
      <c r="R32" s="17">
        <v>224</v>
      </c>
      <c r="S32" s="17">
        <v>182</v>
      </c>
      <c r="T32" s="17">
        <v>94</v>
      </c>
      <c r="U32" s="17">
        <v>38</v>
      </c>
      <c r="V32" s="6">
        <v>10</v>
      </c>
    </row>
    <row r="33" spans="2:22" ht="13.5" customHeight="1" x14ac:dyDescent="0.45">
      <c r="B33" s="34"/>
      <c r="C33" s="15"/>
      <c r="D33" s="14" t="s">
        <v>2</v>
      </c>
      <c r="E33" s="13" t="s">
        <v>2</v>
      </c>
      <c r="F33" s="12" t="s">
        <v>2</v>
      </c>
      <c r="G33" s="12" t="s">
        <v>2</v>
      </c>
      <c r="H33" s="12" t="s">
        <v>2</v>
      </c>
      <c r="I33" s="12" t="s">
        <v>2</v>
      </c>
      <c r="J33" s="12" t="s">
        <v>2</v>
      </c>
      <c r="K33" s="11" t="s">
        <v>2</v>
      </c>
      <c r="M33" s="34"/>
      <c r="N33" s="15"/>
      <c r="O33" s="14">
        <v>100</v>
      </c>
      <c r="P33" s="13">
        <v>77.2</v>
      </c>
      <c r="Q33" s="18">
        <v>28</v>
      </c>
      <c r="R33" s="18">
        <v>60.9</v>
      </c>
      <c r="S33" s="18">
        <v>49.5</v>
      </c>
      <c r="T33" s="18">
        <v>25.5</v>
      </c>
      <c r="U33" s="18">
        <v>10.3</v>
      </c>
      <c r="V33" s="11">
        <v>2.7</v>
      </c>
    </row>
    <row r="34" spans="2:22" ht="13.5" customHeight="1" x14ac:dyDescent="0.45">
      <c r="B34" s="34"/>
      <c r="C34" s="10" t="s">
        <v>52</v>
      </c>
      <c r="D34" s="9">
        <v>53</v>
      </c>
      <c r="E34" s="8">
        <v>40</v>
      </c>
      <c r="F34" s="7">
        <v>18</v>
      </c>
      <c r="G34" s="7">
        <v>26</v>
      </c>
      <c r="H34" s="7">
        <v>25</v>
      </c>
      <c r="I34" s="7">
        <v>22</v>
      </c>
      <c r="J34" s="7">
        <v>5</v>
      </c>
      <c r="K34" s="6" t="s">
        <v>2</v>
      </c>
      <c r="M34" s="34"/>
      <c r="N34" s="10" t="s">
        <v>51</v>
      </c>
      <c r="O34" s="9">
        <v>567</v>
      </c>
      <c r="P34" s="8">
        <v>466</v>
      </c>
      <c r="Q34" s="17">
        <v>181</v>
      </c>
      <c r="R34" s="17">
        <v>343</v>
      </c>
      <c r="S34" s="17">
        <v>317</v>
      </c>
      <c r="T34" s="17">
        <v>197</v>
      </c>
      <c r="U34" s="17">
        <v>50</v>
      </c>
      <c r="V34" s="6">
        <v>8</v>
      </c>
    </row>
    <row r="35" spans="2:22" ht="13.5" customHeight="1" x14ac:dyDescent="0.45">
      <c r="B35" s="34"/>
      <c r="C35" s="15"/>
      <c r="D35" s="14">
        <v>100</v>
      </c>
      <c r="E35" s="13">
        <v>75.5</v>
      </c>
      <c r="F35" s="12">
        <v>34</v>
      </c>
      <c r="G35" s="12">
        <v>49.1</v>
      </c>
      <c r="H35" s="12">
        <v>47.2</v>
      </c>
      <c r="I35" s="12">
        <v>41.5</v>
      </c>
      <c r="J35" s="12">
        <v>9.4</v>
      </c>
      <c r="K35" s="11" t="s">
        <v>2</v>
      </c>
      <c r="M35" s="34"/>
      <c r="N35" s="15"/>
      <c r="O35" s="14">
        <v>100</v>
      </c>
      <c r="P35" s="13">
        <v>82.2</v>
      </c>
      <c r="Q35" s="18">
        <v>31.9</v>
      </c>
      <c r="R35" s="18">
        <v>60.5</v>
      </c>
      <c r="S35" s="18">
        <v>55.9</v>
      </c>
      <c r="T35" s="18">
        <v>34.700000000000003</v>
      </c>
      <c r="U35" s="18">
        <v>8.8000000000000007</v>
      </c>
      <c r="V35" s="11">
        <v>1.4</v>
      </c>
    </row>
    <row r="36" spans="2:22" ht="13.5" customHeight="1" x14ac:dyDescent="0.45">
      <c r="B36" s="34"/>
      <c r="C36" s="10" t="s">
        <v>50</v>
      </c>
      <c r="D36" s="9">
        <v>53</v>
      </c>
      <c r="E36" s="8">
        <v>40</v>
      </c>
      <c r="F36" s="7">
        <v>18</v>
      </c>
      <c r="G36" s="7">
        <v>26</v>
      </c>
      <c r="H36" s="7">
        <v>25</v>
      </c>
      <c r="I36" s="7">
        <v>22</v>
      </c>
      <c r="J36" s="7">
        <v>5</v>
      </c>
      <c r="K36" s="6" t="s">
        <v>2</v>
      </c>
      <c r="M36" s="34"/>
      <c r="N36" s="10" t="s">
        <v>49</v>
      </c>
      <c r="O36" s="9">
        <v>42</v>
      </c>
      <c r="P36" s="8">
        <v>34</v>
      </c>
      <c r="Q36" s="17">
        <v>13</v>
      </c>
      <c r="R36" s="17">
        <v>23</v>
      </c>
      <c r="S36" s="17">
        <v>25</v>
      </c>
      <c r="T36" s="17">
        <v>11</v>
      </c>
      <c r="U36" s="17">
        <v>4</v>
      </c>
      <c r="V36" s="6" t="s">
        <v>2</v>
      </c>
    </row>
    <row r="37" spans="2:22" ht="13.5" customHeight="1" x14ac:dyDescent="0.45">
      <c r="B37" s="34"/>
      <c r="C37" s="15"/>
      <c r="D37" s="14">
        <v>100</v>
      </c>
      <c r="E37" s="13">
        <v>75.5</v>
      </c>
      <c r="F37" s="12">
        <v>34</v>
      </c>
      <c r="G37" s="12">
        <v>49.1</v>
      </c>
      <c r="H37" s="12">
        <v>47.2</v>
      </c>
      <c r="I37" s="12">
        <v>41.5</v>
      </c>
      <c r="J37" s="12">
        <v>9.4</v>
      </c>
      <c r="K37" s="11" t="s">
        <v>2</v>
      </c>
      <c r="M37" s="34"/>
      <c r="N37" s="15"/>
      <c r="O37" s="14">
        <v>100</v>
      </c>
      <c r="P37" s="13">
        <v>81</v>
      </c>
      <c r="Q37" s="18">
        <v>31</v>
      </c>
      <c r="R37" s="18">
        <v>54.8</v>
      </c>
      <c r="S37" s="18">
        <v>59.5</v>
      </c>
      <c r="T37" s="18">
        <v>26.2</v>
      </c>
      <c r="U37" s="18">
        <v>9.5</v>
      </c>
      <c r="V37" s="11" t="s">
        <v>2</v>
      </c>
    </row>
    <row r="38" spans="2:22" ht="13.5" customHeight="1" x14ac:dyDescent="0.45">
      <c r="B38" s="34"/>
      <c r="C38" s="10" t="s">
        <v>48</v>
      </c>
      <c r="D38" s="9">
        <v>108</v>
      </c>
      <c r="E38" s="8">
        <v>89</v>
      </c>
      <c r="F38" s="7">
        <v>39</v>
      </c>
      <c r="G38" s="7">
        <v>61</v>
      </c>
      <c r="H38" s="7">
        <v>69</v>
      </c>
      <c r="I38" s="7">
        <v>44</v>
      </c>
      <c r="J38" s="7">
        <v>9</v>
      </c>
      <c r="K38" s="6" t="s">
        <v>2</v>
      </c>
      <c r="M38" s="34"/>
      <c r="N38" s="10" t="s">
        <v>47</v>
      </c>
      <c r="O38" s="9">
        <v>48</v>
      </c>
      <c r="P38" s="8">
        <v>40</v>
      </c>
      <c r="Q38" s="17">
        <v>10</v>
      </c>
      <c r="R38" s="17">
        <v>30</v>
      </c>
      <c r="S38" s="17">
        <v>22</v>
      </c>
      <c r="T38" s="17">
        <v>11</v>
      </c>
      <c r="U38" s="17">
        <v>5</v>
      </c>
      <c r="V38" s="6" t="s">
        <v>2</v>
      </c>
    </row>
    <row r="39" spans="2:22" ht="13.5" customHeight="1" x14ac:dyDescent="0.45">
      <c r="B39" s="34"/>
      <c r="C39" s="15"/>
      <c r="D39" s="14">
        <v>100</v>
      </c>
      <c r="E39" s="13">
        <v>82.4</v>
      </c>
      <c r="F39" s="12">
        <v>36.1</v>
      </c>
      <c r="G39" s="12">
        <v>56.5</v>
      </c>
      <c r="H39" s="12">
        <v>63.9</v>
      </c>
      <c r="I39" s="12">
        <v>40.700000000000003</v>
      </c>
      <c r="J39" s="12">
        <v>8.3000000000000007</v>
      </c>
      <c r="K39" s="11" t="s">
        <v>2</v>
      </c>
      <c r="M39" s="34"/>
      <c r="N39" s="15"/>
      <c r="O39" s="14">
        <v>100</v>
      </c>
      <c r="P39" s="13">
        <v>83.3</v>
      </c>
      <c r="Q39" s="18">
        <v>20.8</v>
      </c>
      <c r="R39" s="18">
        <v>62.5</v>
      </c>
      <c r="S39" s="18">
        <v>45.8</v>
      </c>
      <c r="T39" s="18">
        <v>22.9</v>
      </c>
      <c r="U39" s="18">
        <v>10.4</v>
      </c>
      <c r="V39" s="11" t="s">
        <v>2</v>
      </c>
    </row>
    <row r="40" spans="2:22" ht="13.5" customHeight="1" x14ac:dyDescent="0.45">
      <c r="B40" s="34"/>
      <c r="C40" s="10" t="s">
        <v>46</v>
      </c>
      <c r="D40" s="9">
        <v>241</v>
      </c>
      <c r="E40" s="8">
        <v>213</v>
      </c>
      <c r="F40" s="7">
        <v>86</v>
      </c>
      <c r="G40" s="7">
        <v>144</v>
      </c>
      <c r="H40" s="7">
        <v>139</v>
      </c>
      <c r="I40" s="7">
        <v>92</v>
      </c>
      <c r="J40" s="7">
        <v>19</v>
      </c>
      <c r="K40" s="6">
        <v>1</v>
      </c>
      <c r="M40" s="34"/>
      <c r="N40" s="10" t="s">
        <v>0</v>
      </c>
      <c r="O40" s="9">
        <v>17</v>
      </c>
      <c r="P40" s="8">
        <v>13</v>
      </c>
      <c r="Q40" s="17">
        <v>2</v>
      </c>
      <c r="R40" s="17">
        <v>7</v>
      </c>
      <c r="S40" s="17">
        <v>8</v>
      </c>
      <c r="T40" s="17">
        <v>5</v>
      </c>
      <c r="U40" s="17">
        <v>1</v>
      </c>
      <c r="V40" s="6">
        <v>1</v>
      </c>
    </row>
    <row r="41" spans="2:22" ht="13.5" customHeight="1" x14ac:dyDescent="0.45">
      <c r="B41" s="34"/>
      <c r="C41" s="15"/>
      <c r="D41" s="14">
        <v>100</v>
      </c>
      <c r="E41" s="13">
        <v>88.4</v>
      </c>
      <c r="F41" s="12">
        <v>35.700000000000003</v>
      </c>
      <c r="G41" s="12">
        <v>59.8</v>
      </c>
      <c r="H41" s="12">
        <v>57.7</v>
      </c>
      <c r="I41" s="12">
        <v>38.200000000000003</v>
      </c>
      <c r="J41" s="12">
        <v>7.9</v>
      </c>
      <c r="K41" s="11">
        <v>0.4</v>
      </c>
      <c r="M41" s="35"/>
      <c r="N41" s="5"/>
      <c r="O41" s="4">
        <v>100</v>
      </c>
      <c r="P41" s="3">
        <v>76.5</v>
      </c>
      <c r="Q41" s="16">
        <v>11.8</v>
      </c>
      <c r="R41" s="16">
        <v>41.2</v>
      </c>
      <c r="S41" s="16">
        <v>47.1</v>
      </c>
      <c r="T41" s="16">
        <v>29.4</v>
      </c>
      <c r="U41" s="16">
        <v>5.9</v>
      </c>
      <c r="V41" s="1">
        <v>5.9</v>
      </c>
    </row>
    <row r="42" spans="2:22" ht="13.5" customHeight="1" x14ac:dyDescent="0.45">
      <c r="B42" s="34"/>
      <c r="C42" s="10" t="s">
        <v>45</v>
      </c>
      <c r="D42" s="9">
        <v>277</v>
      </c>
      <c r="E42" s="8">
        <v>235</v>
      </c>
      <c r="F42" s="7">
        <v>93</v>
      </c>
      <c r="G42" s="7">
        <v>177</v>
      </c>
      <c r="H42" s="7">
        <v>152</v>
      </c>
      <c r="I42" s="7">
        <v>96</v>
      </c>
      <c r="J42" s="7">
        <v>22</v>
      </c>
      <c r="K42" s="6">
        <v>2</v>
      </c>
      <c r="M42" s="33" t="s">
        <v>44</v>
      </c>
      <c r="N42" s="23" t="s">
        <v>23</v>
      </c>
      <c r="O42" s="22">
        <v>1185</v>
      </c>
      <c r="P42" s="21">
        <v>939</v>
      </c>
      <c r="Q42" s="20">
        <v>340</v>
      </c>
      <c r="R42" s="20">
        <v>699</v>
      </c>
      <c r="S42" s="20">
        <v>618</v>
      </c>
      <c r="T42" s="20">
        <v>355</v>
      </c>
      <c r="U42" s="20">
        <v>123</v>
      </c>
      <c r="V42" s="19">
        <v>24</v>
      </c>
    </row>
    <row r="43" spans="2:22" ht="13.5" customHeight="1" x14ac:dyDescent="0.45">
      <c r="B43" s="34"/>
      <c r="C43" s="15"/>
      <c r="D43" s="14">
        <v>100</v>
      </c>
      <c r="E43" s="13">
        <v>84.8</v>
      </c>
      <c r="F43" s="12">
        <v>33.6</v>
      </c>
      <c r="G43" s="12">
        <v>63.9</v>
      </c>
      <c r="H43" s="12">
        <v>54.9</v>
      </c>
      <c r="I43" s="12">
        <v>34.700000000000003</v>
      </c>
      <c r="J43" s="12">
        <v>7.9</v>
      </c>
      <c r="K43" s="11">
        <v>0.7</v>
      </c>
      <c r="M43" s="34"/>
      <c r="N43" s="15"/>
      <c r="O43" s="14">
        <v>100</v>
      </c>
      <c r="P43" s="13">
        <v>79.2</v>
      </c>
      <c r="Q43" s="18">
        <v>28.7</v>
      </c>
      <c r="R43" s="18">
        <v>59</v>
      </c>
      <c r="S43" s="18">
        <v>52.2</v>
      </c>
      <c r="T43" s="18">
        <v>30</v>
      </c>
      <c r="U43" s="18">
        <v>10.4</v>
      </c>
      <c r="V43" s="11">
        <v>2</v>
      </c>
    </row>
    <row r="44" spans="2:22" ht="13.5" customHeight="1" x14ac:dyDescent="0.45">
      <c r="B44" s="34"/>
      <c r="C44" s="10" t="s">
        <v>43</v>
      </c>
      <c r="D44" s="9">
        <v>226</v>
      </c>
      <c r="E44" s="8">
        <v>177</v>
      </c>
      <c r="F44" s="7">
        <v>56</v>
      </c>
      <c r="G44" s="7">
        <v>140</v>
      </c>
      <c r="H44" s="7">
        <v>107</v>
      </c>
      <c r="I44" s="7">
        <v>59</v>
      </c>
      <c r="J44" s="7">
        <v>23</v>
      </c>
      <c r="K44" s="6">
        <v>6</v>
      </c>
      <c r="M44" s="34"/>
      <c r="N44" s="10" t="s">
        <v>42</v>
      </c>
      <c r="O44" s="9">
        <v>76</v>
      </c>
      <c r="P44" s="8">
        <v>58</v>
      </c>
      <c r="Q44" s="17">
        <v>22</v>
      </c>
      <c r="R44" s="17">
        <v>48</v>
      </c>
      <c r="S44" s="17">
        <v>35</v>
      </c>
      <c r="T44" s="17">
        <v>22</v>
      </c>
      <c r="U44" s="17">
        <v>9</v>
      </c>
      <c r="V44" s="6">
        <v>2</v>
      </c>
    </row>
    <row r="45" spans="2:22" ht="13.5" customHeight="1" x14ac:dyDescent="0.45">
      <c r="B45" s="34"/>
      <c r="C45" s="15"/>
      <c r="D45" s="14">
        <v>100</v>
      </c>
      <c r="E45" s="13">
        <v>78.3</v>
      </c>
      <c r="F45" s="12">
        <v>24.8</v>
      </c>
      <c r="G45" s="12">
        <v>61.9</v>
      </c>
      <c r="H45" s="12">
        <v>47.3</v>
      </c>
      <c r="I45" s="12">
        <v>26.1</v>
      </c>
      <c r="J45" s="12">
        <v>10.199999999999999</v>
      </c>
      <c r="K45" s="11">
        <v>2.7</v>
      </c>
      <c r="M45" s="34"/>
      <c r="N45" s="15"/>
      <c r="O45" s="14">
        <v>100</v>
      </c>
      <c r="P45" s="13">
        <v>76.3</v>
      </c>
      <c r="Q45" s="18">
        <v>28.9</v>
      </c>
      <c r="R45" s="18">
        <v>63.2</v>
      </c>
      <c r="S45" s="18">
        <v>46.1</v>
      </c>
      <c r="T45" s="18">
        <v>28.9</v>
      </c>
      <c r="U45" s="18">
        <v>11.8</v>
      </c>
      <c r="V45" s="11">
        <v>2.6</v>
      </c>
    </row>
    <row r="46" spans="2:22" ht="13.5" customHeight="1" x14ac:dyDescent="0.45">
      <c r="B46" s="34"/>
      <c r="C46" s="10" t="s">
        <v>41</v>
      </c>
      <c r="D46" s="9">
        <v>109</v>
      </c>
      <c r="E46" s="8">
        <v>76</v>
      </c>
      <c r="F46" s="7">
        <v>27</v>
      </c>
      <c r="G46" s="7">
        <v>63</v>
      </c>
      <c r="H46" s="7">
        <v>59</v>
      </c>
      <c r="I46" s="7">
        <v>16</v>
      </c>
      <c r="J46" s="7">
        <v>20</v>
      </c>
      <c r="K46" s="6">
        <v>2</v>
      </c>
      <c r="M46" s="34"/>
      <c r="N46" s="10" t="s">
        <v>40</v>
      </c>
      <c r="O46" s="9">
        <v>11</v>
      </c>
      <c r="P46" s="8">
        <v>9</v>
      </c>
      <c r="Q46" s="17">
        <v>3</v>
      </c>
      <c r="R46" s="17">
        <v>7</v>
      </c>
      <c r="S46" s="17">
        <v>8</v>
      </c>
      <c r="T46" s="17">
        <v>3</v>
      </c>
      <c r="U46" s="17">
        <v>1</v>
      </c>
      <c r="V46" s="6">
        <v>1</v>
      </c>
    </row>
    <row r="47" spans="2:22" ht="13.5" customHeight="1" x14ac:dyDescent="0.45">
      <c r="B47" s="34"/>
      <c r="C47" s="15"/>
      <c r="D47" s="14">
        <v>100</v>
      </c>
      <c r="E47" s="13">
        <v>69.7</v>
      </c>
      <c r="F47" s="12">
        <v>24.8</v>
      </c>
      <c r="G47" s="12">
        <v>57.8</v>
      </c>
      <c r="H47" s="12">
        <v>54.1</v>
      </c>
      <c r="I47" s="12">
        <v>14.7</v>
      </c>
      <c r="J47" s="12">
        <v>18.3</v>
      </c>
      <c r="K47" s="11">
        <v>1.8</v>
      </c>
      <c r="M47" s="34"/>
      <c r="N47" s="15"/>
      <c r="O47" s="14">
        <v>100</v>
      </c>
      <c r="P47" s="13">
        <v>81.8</v>
      </c>
      <c r="Q47" s="18">
        <v>27.3</v>
      </c>
      <c r="R47" s="18">
        <v>63.6</v>
      </c>
      <c r="S47" s="18">
        <v>72.7</v>
      </c>
      <c r="T47" s="18">
        <v>27.3</v>
      </c>
      <c r="U47" s="18">
        <v>9.1</v>
      </c>
      <c r="V47" s="11">
        <v>9.1</v>
      </c>
    </row>
    <row r="48" spans="2:22" ht="13.5" customHeight="1" x14ac:dyDescent="0.45">
      <c r="B48" s="34"/>
      <c r="C48" s="10" t="s">
        <v>39</v>
      </c>
      <c r="D48" s="9">
        <v>158</v>
      </c>
      <c r="E48" s="8">
        <v>100</v>
      </c>
      <c r="F48" s="7">
        <v>19</v>
      </c>
      <c r="G48" s="7">
        <v>83</v>
      </c>
      <c r="H48" s="7">
        <v>62</v>
      </c>
      <c r="I48" s="7">
        <v>22</v>
      </c>
      <c r="J48" s="7">
        <v>24</v>
      </c>
      <c r="K48" s="6">
        <v>11</v>
      </c>
      <c r="M48" s="34"/>
      <c r="N48" s="10" t="s">
        <v>38</v>
      </c>
      <c r="O48" s="9">
        <v>478</v>
      </c>
      <c r="P48" s="8">
        <v>404</v>
      </c>
      <c r="Q48" s="17">
        <v>159</v>
      </c>
      <c r="R48" s="17">
        <v>268</v>
      </c>
      <c r="S48" s="17">
        <v>264</v>
      </c>
      <c r="T48" s="17">
        <v>169</v>
      </c>
      <c r="U48" s="17">
        <v>46</v>
      </c>
      <c r="V48" s="6">
        <v>1</v>
      </c>
    </row>
    <row r="49" spans="2:22" ht="13.5" customHeight="1" x14ac:dyDescent="0.45">
      <c r="B49" s="34"/>
      <c r="C49" s="15"/>
      <c r="D49" s="14">
        <v>100</v>
      </c>
      <c r="E49" s="13">
        <v>63.3</v>
      </c>
      <c r="F49" s="12">
        <v>12</v>
      </c>
      <c r="G49" s="12">
        <v>52.5</v>
      </c>
      <c r="H49" s="12">
        <v>39.200000000000003</v>
      </c>
      <c r="I49" s="12">
        <v>13.9</v>
      </c>
      <c r="J49" s="12">
        <v>15.2</v>
      </c>
      <c r="K49" s="11">
        <v>7</v>
      </c>
      <c r="M49" s="34"/>
      <c r="N49" s="15"/>
      <c r="O49" s="14">
        <v>100</v>
      </c>
      <c r="P49" s="13">
        <v>84.5</v>
      </c>
      <c r="Q49" s="18">
        <v>33.299999999999997</v>
      </c>
      <c r="R49" s="18">
        <v>56.1</v>
      </c>
      <c r="S49" s="18">
        <v>55.2</v>
      </c>
      <c r="T49" s="18">
        <v>35.4</v>
      </c>
      <c r="U49" s="18">
        <v>9.6</v>
      </c>
      <c r="V49" s="11">
        <v>0.2</v>
      </c>
    </row>
    <row r="50" spans="2:22" ht="13.5" customHeight="1" x14ac:dyDescent="0.45">
      <c r="B50" s="34"/>
      <c r="C50" s="10" t="s">
        <v>0</v>
      </c>
      <c r="D50" s="9">
        <v>13</v>
      </c>
      <c r="E50" s="8">
        <v>9</v>
      </c>
      <c r="F50" s="7">
        <v>2</v>
      </c>
      <c r="G50" s="7">
        <v>5</v>
      </c>
      <c r="H50" s="7">
        <v>5</v>
      </c>
      <c r="I50" s="7">
        <v>4</v>
      </c>
      <c r="J50" s="7">
        <v>1</v>
      </c>
      <c r="K50" s="6">
        <v>2</v>
      </c>
      <c r="M50" s="34"/>
      <c r="N50" s="10" t="s">
        <v>37</v>
      </c>
      <c r="O50" s="9">
        <v>190</v>
      </c>
      <c r="P50" s="8">
        <v>159</v>
      </c>
      <c r="Q50" s="17">
        <v>47</v>
      </c>
      <c r="R50" s="17">
        <v>121</v>
      </c>
      <c r="S50" s="17">
        <v>102</v>
      </c>
      <c r="T50" s="17">
        <v>57</v>
      </c>
      <c r="U50" s="17">
        <v>16</v>
      </c>
      <c r="V50" s="6">
        <v>3</v>
      </c>
    </row>
    <row r="51" spans="2:22" ht="13.5" customHeight="1" x14ac:dyDescent="0.45">
      <c r="B51" s="35"/>
      <c r="C51" s="5"/>
      <c r="D51" s="4">
        <v>100</v>
      </c>
      <c r="E51" s="3">
        <v>69.2</v>
      </c>
      <c r="F51" s="2">
        <v>15.4</v>
      </c>
      <c r="G51" s="2">
        <v>38.5</v>
      </c>
      <c r="H51" s="2">
        <v>38.5</v>
      </c>
      <c r="I51" s="2">
        <v>30.8</v>
      </c>
      <c r="J51" s="2">
        <v>7.7</v>
      </c>
      <c r="K51" s="1">
        <v>15.4</v>
      </c>
      <c r="M51" s="34"/>
      <c r="N51" s="15"/>
      <c r="O51" s="14">
        <v>100</v>
      </c>
      <c r="P51" s="13">
        <v>83.7</v>
      </c>
      <c r="Q51" s="18">
        <v>24.7</v>
      </c>
      <c r="R51" s="18">
        <v>63.7</v>
      </c>
      <c r="S51" s="18">
        <v>53.7</v>
      </c>
      <c r="T51" s="18">
        <v>30</v>
      </c>
      <c r="U51" s="18">
        <v>8.4</v>
      </c>
      <c r="V51" s="11">
        <v>1.6</v>
      </c>
    </row>
    <row r="52" spans="2:22" ht="13.5" customHeight="1" x14ac:dyDescent="0.45">
      <c r="B52" s="33" t="s">
        <v>36</v>
      </c>
      <c r="C52" s="23" t="s">
        <v>23</v>
      </c>
      <c r="D52" s="22">
        <v>1185</v>
      </c>
      <c r="E52" s="21">
        <v>939</v>
      </c>
      <c r="F52" s="24">
        <v>340</v>
      </c>
      <c r="G52" s="24">
        <v>699</v>
      </c>
      <c r="H52" s="24">
        <v>618</v>
      </c>
      <c r="I52" s="24">
        <v>355</v>
      </c>
      <c r="J52" s="24">
        <v>123</v>
      </c>
      <c r="K52" s="19">
        <v>24</v>
      </c>
      <c r="M52" s="34"/>
      <c r="N52" s="10" t="s">
        <v>35</v>
      </c>
      <c r="O52" s="9" t="s">
        <v>2</v>
      </c>
      <c r="P52" s="8" t="s">
        <v>2</v>
      </c>
      <c r="Q52" s="17" t="s">
        <v>2</v>
      </c>
      <c r="R52" s="17" t="s">
        <v>2</v>
      </c>
      <c r="S52" s="17" t="s">
        <v>2</v>
      </c>
      <c r="T52" s="17" t="s">
        <v>2</v>
      </c>
      <c r="U52" s="17" t="s">
        <v>2</v>
      </c>
      <c r="V52" s="6" t="s">
        <v>2</v>
      </c>
    </row>
    <row r="53" spans="2:22" ht="13.5" customHeight="1" x14ac:dyDescent="0.45">
      <c r="B53" s="34"/>
      <c r="C53" s="15"/>
      <c r="D53" s="14">
        <v>100</v>
      </c>
      <c r="E53" s="13">
        <v>79.2</v>
      </c>
      <c r="F53" s="12">
        <v>28.7</v>
      </c>
      <c r="G53" s="12">
        <v>59</v>
      </c>
      <c r="H53" s="12">
        <v>52.2</v>
      </c>
      <c r="I53" s="12">
        <v>30</v>
      </c>
      <c r="J53" s="12">
        <v>10.4</v>
      </c>
      <c r="K53" s="11">
        <v>2</v>
      </c>
      <c r="M53" s="34"/>
      <c r="N53" s="15"/>
      <c r="O53" s="14" t="s">
        <v>2</v>
      </c>
      <c r="P53" s="13" t="s">
        <v>2</v>
      </c>
      <c r="Q53" s="18" t="s">
        <v>2</v>
      </c>
      <c r="R53" s="18" t="s">
        <v>2</v>
      </c>
      <c r="S53" s="18" t="s">
        <v>2</v>
      </c>
      <c r="T53" s="18" t="s">
        <v>2</v>
      </c>
      <c r="U53" s="18" t="s">
        <v>2</v>
      </c>
      <c r="V53" s="11" t="s">
        <v>2</v>
      </c>
    </row>
    <row r="54" spans="2:22" ht="13.5" customHeight="1" x14ac:dyDescent="0.45">
      <c r="B54" s="34"/>
      <c r="C54" s="10" t="s">
        <v>34</v>
      </c>
      <c r="D54" s="9" t="s">
        <v>2</v>
      </c>
      <c r="E54" s="8" t="s">
        <v>2</v>
      </c>
      <c r="F54" s="7" t="s">
        <v>2</v>
      </c>
      <c r="G54" s="7" t="s">
        <v>2</v>
      </c>
      <c r="H54" s="7" t="s">
        <v>2</v>
      </c>
      <c r="I54" s="7" t="s">
        <v>2</v>
      </c>
      <c r="J54" s="7" t="s">
        <v>2</v>
      </c>
      <c r="K54" s="6" t="s">
        <v>2</v>
      </c>
      <c r="M54" s="34"/>
      <c r="N54" s="10" t="s">
        <v>33</v>
      </c>
      <c r="O54" s="9">
        <v>178</v>
      </c>
      <c r="P54" s="8">
        <v>144</v>
      </c>
      <c r="Q54" s="17">
        <v>57</v>
      </c>
      <c r="R54" s="17">
        <v>121</v>
      </c>
      <c r="S54" s="17">
        <v>99</v>
      </c>
      <c r="T54" s="17">
        <v>49</v>
      </c>
      <c r="U54" s="17">
        <v>13</v>
      </c>
      <c r="V54" s="6">
        <v>3</v>
      </c>
    </row>
    <row r="55" spans="2:22" ht="13.5" customHeight="1" x14ac:dyDescent="0.45">
      <c r="B55" s="34"/>
      <c r="C55" s="15"/>
      <c r="D55" s="14" t="s">
        <v>2</v>
      </c>
      <c r="E55" s="13" t="s">
        <v>2</v>
      </c>
      <c r="F55" s="12" t="s">
        <v>2</v>
      </c>
      <c r="G55" s="12" t="s">
        <v>2</v>
      </c>
      <c r="H55" s="12" t="s">
        <v>2</v>
      </c>
      <c r="I55" s="12" t="s">
        <v>2</v>
      </c>
      <c r="J55" s="12" t="s">
        <v>2</v>
      </c>
      <c r="K55" s="11" t="s">
        <v>2</v>
      </c>
      <c r="M55" s="34"/>
      <c r="N55" s="15"/>
      <c r="O55" s="14">
        <v>100</v>
      </c>
      <c r="P55" s="13">
        <v>80.900000000000006</v>
      </c>
      <c r="Q55" s="18">
        <v>32</v>
      </c>
      <c r="R55" s="18">
        <v>68</v>
      </c>
      <c r="S55" s="18">
        <v>55.6</v>
      </c>
      <c r="T55" s="18">
        <v>27.5</v>
      </c>
      <c r="U55" s="18">
        <v>7.3</v>
      </c>
      <c r="V55" s="11">
        <v>1.7</v>
      </c>
    </row>
    <row r="56" spans="2:22" ht="13.5" customHeight="1" x14ac:dyDescent="0.45">
      <c r="B56" s="34"/>
      <c r="C56" s="10" t="s">
        <v>32</v>
      </c>
      <c r="D56" s="9">
        <v>18</v>
      </c>
      <c r="E56" s="8">
        <v>12</v>
      </c>
      <c r="F56" s="7">
        <v>6</v>
      </c>
      <c r="G56" s="7">
        <v>6</v>
      </c>
      <c r="H56" s="7">
        <v>5</v>
      </c>
      <c r="I56" s="7">
        <v>6</v>
      </c>
      <c r="J56" s="7">
        <v>3</v>
      </c>
      <c r="K56" s="6" t="s">
        <v>2</v>
      </c>
      <c r="M56" s="34"/>
      <c r="N56" s="10" t="s">
        <v>31</v>
      </c>
      <c r="O56" s="9">
        <v>10</v>
      </c>
      <c r="P56" s="8">
        <v>7</v>
      </c>
      <c r="Q56" s="17">
        <v>3</v>
      </c>
      <c r="R56" s="17">
        <v>5</v>
      </c>
      <c r="S56" s="17">
        <v>4</v>
      </c>
      <c r="T56" s="17">
        <v>4</v>
      </c>
      <c r="U56" s="17">
        <v>1</v>
      </c>
      <c r="V56" s="6" t="s">
        <v>2</v>
      </c>
    </row>
    <row r="57" spans="2:22" ht="13.5" customHeight="1" x14ac:dyDescent="0.45">
      <c r="B57" s="34"/>
      <c r="C57" s="15"/>
      <c r="D57" s="14">
        <v>100</v>
      </c>
      <c r="E57" s="13">
        <v>66.7</v>
      </c>
      <c r="F57" s="12">
        <v>33.299999999999997</v>
      </c>
      <c r="G57" s="12">
        <v>33.299999999999997</v>
      </c>
      <c r="H57" s="12">
        <v>27.8</v>
      </c>
      <c r="I57" s="12">
        <v>33.299999999999997</v>
      </c>
      <c r="J57" s="12">
        <v>16.7</v>
      </c>
      <c r="K57" s="11" t="s">
        <v>2</v>
      </c>
      <c r="M57" s="34"/>
      <c r="N57" s="15"/>
      <c r="O57" s="14">
        <v>100</v>
      </c>
      <c r="P57" s="13">
        <v>70</v>
      </c>
      <c r="Q57" s="18">
        <v>30</v>
      </c>
      <c r="R57" s="18">
        <v>50</v>
      </c>
      <c r="S57" s="18">
        <v>40</v>
      </c>
      <c r="T57" s="18">
        <v>40</v>
      </c>
      <c r="U57" s="18">
        <v>10</v>
      </c>
      <c r="V57" s="11" t="s">
        <v>2</v>
      </c>
    </row>
    <row r="58" spans="2:22" ht="13.5" customHeight="1" x14ac:dyDescent="0.45">
      <c r="B58" s="34"/>
      <c r="C58" s="10" t="s">
        <v>30</v>
      </c>
      <c r="D58" s="9">
        <v>18</v>
      </c>
      <c r="E58" s="8">
        <v>12</v>
      </c>
      <c r="F58" s="7">
        <v>6</v>
      </c>
      <c r="G58" s="7">
        <v>6</v>
      </c>
      <c r="H58" s="7">
        <v>5</v>
      </c>
      <c r="I58" s="7">
        <v>6</v>
      </c>
      <c r="J58" s="7">
        <v>3</v>
      </c>
      <c r="K58" s="6" t="s">
        <v>2</v>
      </c>
      <c r="M58" s="34"/>
      <c r="N58" s="10" t="s">
        <v>29</v>
      </c>
      <c r="O58" s="9">
        <v>185</v>
      </c>
      <c r="P58" s="8">
        <v>119</v>
      </c>
      <c r="Q58" s="17">
        <v>35</v>
      </c>
      <c r="R58" s="17">
        <v>100</v>
      </c>
      <c r="S58" s="17">
        <v>78</v>
      </c>
      <c r="T58" s="17">
        <v>37</v>
      </c>
      <c r="U58" s="17">
        <v>30</v>
      </c>
      <c r="V58" s="6">
        <v>9</v>
      </c>
    </row>
    <row r="59" spans="2:22" ht="13.5" customHeight="1" x14ac:dyDescent="0.45">
      <c r="B59" s="34"/>
      <c r="C59" s="15"/>
      <c r="D59" s="14">
        <v>100</v>
      </c>
      <c r="E59" s="13">
        <v>66.7</v>
      </c>
      <c r="F59" s="12">
        <v>33.299999999999997</v>
      </c>
      <c r="G59" s="12">
        <v>33.299999999999997</v>
      </c>
      <c r="H59" s="12">
        <v>27.8</v>
      </c>
      <c r="I59" s="12">
        <v>33.299999999999997</v>
      </c>
      <c r="J59" s="12">
        <v>16.7</v>
      </c>
      <c r="K59" s="11" t="s">
        <v>2</v>
      </c>
      <c r="M59" s="34"/>
      <c r="N59" s="15"/>
      <c r="O59" s="14">
        <v>100</v>
      </c>
      <c r="P59" s="13">
        <v>64.3</v>
      </c>
      <c r="Q59" s="18">
        <v>18.899999999999999</v>
      </c>
      <c r="R59" s="18">
        <v>54.1</v>
      </c>
      <c r="S59" s="18">
        <v>42.2</v>
      </c>
      <c r="T59" s="18">
        <v>20</v>
      </c>
      <c r="U59" s="18">
        <v>16.2</v>
      </c>
      <c r="V59" s="11">
        <v>4.9000000000000004</v>
      </c>
    </row>
    <row r="60" spans="2:22" ht="13.5" customHeight="1" x14ac:dyDescent="0.45">
      <c r="B60" s="34"/>
      <c r="C60" s="10" t="s">
        <v>28</v>
      </c>
      <c r="D60" s="9">
        <v>43</v>
      </c>
      <c r="E60" s="8">
        <v>31</v>
      </c>
      <c r="F60" s="7">
        <v>15</v>
      </c>
      <c r="G60" s="7">
        <v>19</v>
      </c>
      <c r="H60" s="7">
        <v>25</v>
      </c>
      <c r="I60" s="7">
        <v>15</v>
      </c>
      <c r="J60" s="7">
        <v>7</v>
      </c>
      <c r="K60" s="6" t="s">
        <v>2</v>
      </c>
      <c r="M60" s="34"/>
      <c r="N60" s="10" t="s">
        <v>27</v>
      </c>
      <c r="O60" s="9">
        <v>6</v>
      </c>
      <c r="P60" s="8">
        <v>5</v>
      </c>
      <c r="Q60" s="17">
        <v>1</v>
      </c>
      <c r="R60" s="17">
        <v>3</v>
      </c>
      <c r="S60" s="17">
        <v>3</v>
      </c>
      <c r="T60" s="17">
        <v>2</v>
      </c>
      <c r="U60" s="17">
        <v>1</v>
      </c>
      <c r="V60" s="6" t="s">
        <v>2</v>
      </c>
    </row>
    <row r="61" spans="2:22" ht="13.5" customHeight="1" x14ac:dyDescent="0.45">
      <c r="B61" s="34"/>
      <c r="C61" s="15"/>
      <c r="D61" s="14">
        <v>100</v>
      </c>
      <c r="E61" s="13">
        <v>72.099999999999994</v>
      </c>
      <c r="F61" s="12">
        <v>34.9</v>
      </c>
      <c r="G61" s="12">
        <v>44.2</v>
      </c>
      <c r="H61" s="12">
        <v>58.1</v>
      </c>
      <c r="I61" s="12">
        <v>34.9</v>
      </c>
      <c r="J61" s="12">
        <v>16.3</v>
      </c>
      <c r="K61" s="11" t="s">
        <v>2</v>
      </c>
      <c r="M61" s="34"/>
      <c r="N61" s="15"/>
      <c r="O61" s="14">
        <v>100</v>
      </c>
      <c r="P61" s="13">
        <v>83.3</v>
      </c>
      <c r="Q61" s="18">
        <v>16.7</v>
      </c>
      <c r="R61" s="18">
        <v>50</v>
      </c>
      <c r="S61" s="18">
        <v>50</v>
      </c>
      <c r="T61" s="18">
        <v>33.299999999999997</v>
      </c>
      <c r="U61" s="18">
        <v>16.7</v>
      </c>
      <c r="V61" s="11" t="s">
        <v>2</v>
      </c>
    </row>
    <row r="62" spans="2:22" ht="13.5" customHeight="1" x14ac:dyDescent="0.45">
      <c r="B62" s="34"/>
      <c r="C62" s="10" t="s">
        <v>26</v>
      </c>
      <c r="D62" s="9">
        <v>112</v>
      </c>
      <c r="E62" s="8">
        <v>94</v>
      </c>
      <c r="F62" s="7">
        <v>32</v>
      </c>
      <c r="G62" s="7">
        <v>52</v>
      </c>
      <c r="H62" s="7">
        <v>54</v>
      </c>
      <c r="I62" s="7">
        <v>37</v>
      </c>
      <c r="J62" s="7">
        <v>14</v>
      </c>
      <c r="K62" s="6" t="s">
        <v>2</v>
      </c>
      <c r="M62" s="34"/>
      <c r="N62" s="10" t="s">
        <v>0</v>
      </c>
      <c r="O62" s="9">
        <v>51</v>
      </c>
      <c r="P62" s="8">
        <v>34</v>
      </c>
      <c r="Q62" s="17">
        <v>13</v>
      </c>
      <c r="R62" s="17">
        <v>26</v>
      </c>
      <c r="S62" s="17">
        <v>25</v>
      </c>
      <c r="T62" s="17">
        <v>12</v>
      </c>
      <c r="U62" s="17">
        <v>6</v>
      </c>
      <c r="V62" s="6">
        <v>5</v>
      </c>
    </row>
    <row r="63" spans="2:22" ht="13.5" customHeight="1" x14ac:dyDescent="0.45">
      <c r="B63" s="34"/>
      <c r="C63" s="15"/>
      <c r="D63" s="14">
        <v>100</v>
      </c>
      <c r="E63" s="13">
        <v>83.9</v>
      </c>
      <c r="F63" s="12">
        <v>28.6</v>
      </c>
      <c r="G63" s="12">
        <v>46.4</v>
      </c>
      <c r="H63" s="12">
        <v>48.2</v>
      </c>
      <c r="I63" s="12">
        <v>33</v>
      </c>
      <c r="J63" s="12">
        <v>12.5</v>
      </c>
      <c r="K63" s="11" t="s">
        <v>2</v>
      </c>
      <c r="M63" s="35"/>
      <c r="N63" s="5"/>
      <c r="O63" s="4">
        <v>100</v>
      </c>
      <c r="P63" s="3">
        <v>66.7</v>
      </c>
      <c r="Q63" s="16">
        <v>25.5</v>
      </c>
      <c r="R63" s="16">
        <v>51</v>
      </c>
      <c r="S63" s="16">
        <v>49</v>
      </c>
      <c r="T63" s="16">
        <v>23.5</v>
      </c>
      <c r="U63" s="16">
        <v>11.8</v>
      </c>
      <c r="V63" s="1">
        <v>9.8000000000000007</v>
      </c>
    </row>
    <row r="64" spans="2:22" ht="13.5" customHeight="1" x14ac:dyDescent="0.45">
      <c r="B64" s="34"/>
      <c r="C64" s="10" t="s">
        <v>25</v>
      </c>
      <c r="D64" s="9">
        <v>114</v>
      </c>
      <c r="E64" s="8">
        <v>91</v>
      </c>
      <c r="F64" s="7">
        <v>35</v>
      </c>
      <c r="G64" s="7">
        <v>58</v>
      </c>
      <c r="H64" s="7">
        <v>52</v>
      </c>
      <c r="I64" s="7">
        <v>28</v>
      </c>
      <c r="J64" s="7">
        <v>14</v>
      </c>
      <c r="K64" s="6">
        <v>1</v>
      </c>
      <c r="M64" s="33" t="s">
        <v>24</v>
      </c>
      <c r="N64" s="23" t="s">
        <v>23</v>
      </c>
      <c r="O64" s="22">
        <v>755</v>
      </c>
      <c r="P64" s="21">
        <v>630</v>
      </c>
      <c r="Q64" s="20">
        <v>231</v>
      </c>
      <c r="R64" s="20">
        <v>444</v>
      </c>
      <c r="S64" s="20">
        <v>409</v>
      </c>
      <c r="T64" s="20">
        <v>251</v>
      </c>
      <c r="U64" s="20">
        <v>72</v>
      </c>
      <c r="V64" s="19">
        <v>7</v>
      </c>
    </row>
    <row r="65" spans="2:22" ht="13.5" customHeight="1" x14ac:dyDescent="0.45">
      <c r="B65" s="34"/>
      <c r="C65" s="15"/>
      <c r="D65" s="14">
        <v>100</v>
      </c>
      <c r="E65" s="13">
        <v>79.8</v>
      </c>
      <c r="F65" s="12">
        <v>30.7</v>
      </c>
      <c r="G65" s="12">
        <v>50.9</v>
      </c>
      <c r="H65" s="12">
        <v>45.6</v>
      </c>
      <c r="I65" s="12">
        <v>24.6</v>
      </c>
      <c r="J65" s="12">
        <v>12.3</v>
      </c>
      <c r="K65" s="11">
        <v>0.9</v>
      </c>
      <c r="M65" s="34"/>
      <c r="N65" s="15"/>
      <c r="O65" s="14">
        <v>100</v>
      </c>
      <c r="P65" s="13">
        <v>83.4</v>
      </c>
      <c r="Q65" s="18">
        <v>30.6</v>
      </c>
      <c r="R65" s="18">
        <v>58.8</v>
      </c>
      <c r="S65" s="18">
        <v>54.2</v>
      </c>
      <c r="T65" s="18">
        <v>33.200000000000003</v>
      </c>
      <c r="U65" s="18">
        <v>9.5</v>
      </c>
      <c r="V65" s="11">
        <v>0.9</v>
      </c>
    </row>
    <row r="66" spans="2:22" ht="13.5" customHeight="1" x14ac:dyDescent="0.45">
      <c r="B66" s="34"/>
      <c r="C66" s="10" t="s">
        <v>22</v>
      </c>
      <c r="D66" s="9">
        <v>107</v>
      </c>
      <c r="E66" s="8">
        <v>73</v>
      </c>
      <c r="F66" s="7">
        <v>23</v>
      </c>
      <c r="G66" s="7">
        <v>55</v>
      </c>
      <c r="H66" s="7">
        <v>42</v>
      </c>
      <c r="I66" s="7">
        <v>29</v>
      </c>
      <c r="J66" s="7">
        <v>20</v>
      </c>
      <c r="K66" s="6">
        <v>3</v>
      </c>
      <c r="M66" s="34"/>
      <c r="N66" s="10" t="s">
        <v>21</v>
      </c>
      <c r="O66" s="9">
        <v>4</v>
      </c>
      <c r="P66" s="8">
        <v>3</v>
      </c>
      <c r="Q66" s="17">
        <v>1</v>
      </c>
      <c r="R66" s="17">
        <v>3</v>
      </c>
      <c r="S66" s="17">
        <v>1</v>
      </c>
      <c r="T66" s="17">
        <v>1</v>
      </c>
      <c r="U66" s="17" t="s">
        <v>2</v>
      </c>
      <c r="V66" s="6" t="s">
        <v>2</v>
      </c>
    </row>
    <row r="67" spans="2:22" ht="13.5" customHeight="1" x14ac:dyDescent="0.45">
      <c r="B67" s="34"/>
      <c r="C67" s="15"/>
      <c r="D67" s="14">
        <v>100</v>
      </c>
      <c r="E67" s="13">
        <v>68.2</v>
      </c>
      <c r="F67" s="12">
        <v>21.5</v>
      </c>
      <c r="G67" s="12">
        <v>51.4</v>
      </c>
      <c r="H67" s="12">
        <v>39.299999999999997</v>
      </c>
      <c r="I67" s="12">
        <v>27.1</v>
      </c>
      <c r="J67" s="12">
        <v>18.7</v>
      </c>
      <c r="K67" s="11">
        <v>2.8</v>
      </c>
      <c r="M67" s="34"/>
      <c r="N67" s="15"/>
      <c r="O67" s="14">
        <v>100</v>
      </c>
      <c r="P67" s="13">
        <v>75</v>
      </c>
      <c r="Q67" s="18">
        <v>25</v>
      </c>
      <c r="R67" s="18">
        <v>75</v>
      </c>
      <c r="S67" s="18">
        <v>25</v>
      </c>
      <c r="T67" s="18">
        <v>25</v>
      </c>
      <c r="U67" s="18" t="s">
        <v>2</v>
      </c>
      <c r="V67" s="11" t="s">
        <v>2</v>
      </c>
    </row>
    <row r="68" spans="2:22" ht="13.5" customHeight="1" x14ac:dyDescent="0.45">
      <c r="B68" s="34"/>
      <c r="C68" s="10" t="s">
        <v>20</v>
      </c>
      <c r="D68" s="9">
        <v>61</v>
      </c>
      <c r="E68" s="8">
        <v>36</v>
      </c>
      <c r="F68" s="7">
        <v>12</v>
      </c>
      <c r="G68" s="7">
        <v>28</v>
      </c>
      <c r="H68" s="7">
        <v>27</v>
      </c>
      <c r="I68" s="7">
        <v>6</v>
      </c>
      <c r="J68" s="7">
        <v>15</v>
      </c>
      <c r="K68" s="6">
        <v>2</v>
      </c>
      <c r="M68" s="34"/>
      <c r="N68" s="10" t="s">
        <v>19</v>
      </c>
      <c r="O68" s="9">
        <v>33</v>
      </c>
      <c r="P68" s="8">
        <v>25</v>
      </c>
      <c r="Q68" s="17">
        <v>6</v>
      </c>
      <c r="R68" s="17">
        <v>17</v>
      </c>
      <c r="S68" s="17">
        <v>14</v>
      </c>
      <c r="T68" s="17">
        <v>7</v>
      </c>
      <c r="U68" s="17">
        <v>3</v>
      </c>
      <c r="V68" s="6">
        <v>3</v>
      </c>
    </row>
    <row r="69" spans="2:22" ht="13.5" customHeight="1" x14ac:dyDescent="0.45">
      <c r="B69" s="34"/>
      <c r="C69" s="15"/>
      <c r="D69" s="14">
        <v>100</v>
      </c>
      <c r="E69" s="13">
        <v>59</v>
      </c>
      <c r="F69" s="12">
        <v>19.7</v>
      </c>
      <c r="G69" s="12">
        <v>45.9</v>
      </c>
      <c r="H69" s="12">
        <v>44.3</v>
      </c>
      <c r="I69" s="12">
        <v>9.8000000000000007</v>
      </c>
      <c r="J69" s="12">
        <v>24.6</v>
      </c>
      <c r="K69" s="11">
        <v>3.3</v>
      </c>
      <c r="M69" s="34"/>
      <c r="N69" s="15"/>
      <c r="O69" s="14">
        <v>100</v>
      </c>
      <c r="P69" s="13">
        <v>75.8</v>
      </c>
      <c r="Q69" s="18">
        <v>18.2</v>
      </c>
      <c r="R69" s="18">
        <v>51.5</v>
      </c>
      <c r="S69" s="18">
        <v>42.4</v>
      </c>
      <c r="T69" s="18">
        <v>21.2</v>
      </c>
      <c r="U69" s="18">
        <v>9.1</v>
      </c>
      <c r="V69" s="11">
        <v>9.1</v>
      </c>
    </row>
    <row r="70" spans="2:22" ht="13.5" customHeight="1" x14ac:dyDescent="0.45">
      <c r="B70" s="34"/>
      <c r="C70" s="10" t="s">
        <v>18</v>
      </c>
      <c r="D70" s="9">
        <v>81</v>
      </c>
      <c r="E70" s="8">
        <v>58</v>
      </c>
      <c r="F70" s="7">
        <v>12</v>
      </c>
      <c r="G70" s="7">
        <v>40</v>
      </c>
      <c r="H70" s="7">
        <v>31</v>
      </c>
      <c r="I70" s="7">
        <v>12</v>
      </c>
      <c r="J70" s="7">
        <v>10</v>
      </c>
      <c r="K70" s="6">
        <v>5</v>
      </c>
      <c r="M70" s="34"/>
      <c r="N70" s="10" t="s">
        <v>17</v>
      </c>
      <c r="O70" s="9">
        <v>41</v>
      </c>
      <c r="P70" s="8">
        <v>32</v>
      </c>
      <c r="Q70" s="17">
        <v>15</v>
      </c>
      <c r="R70" s="17">
        <v>30</v>
      </c>
      <c r="S70" s="17">
        <v>22</v>
      </c>
      <c r="T70" s="17">
        <v>13</v>
      </c>
      <c r="U70" s="17">
        <v>6</v>
      </c>
      <c r="V70" s="6" t="s">
        <v>2</v>
      </c>
    </row>
    <row r="71" spans="2:22" ht="13.5" customHeight="1" x14ac:dyDescent="0.45">
      <c r="B71" s="34"/>
      <c r="C71" s="15"/>
      <c r="D71" s="14">
        <v>100</v>
      </c>
      <c r="E71" s="13">
        <v>71.599999999999994</v>
      </c>
      <c r="F71" s="12">
        <v>14.8</v>
      </c>
      <c r="G71" s="12">
        <v>49.4</v>
      </c>
      <c r="H71" s="12">
        <v>38.299999999999997</v>
      </c>
      <c r="I71" s="12">
        <v>14.8</v>
      </c>
      <c r="J71" s="12">
        <v>12.3</v>
      </c>
      <c r="K71" s="11">
        <v>6.2</v>
      </c>
      <c r="M71" s="34"/>
      <c r="N71" s="15"/>
      <c r="O71" s="14">
        <v>100</v>
      </c>
      <c r="P71" s="13">
        <v>78</v>
      </c>
      <c r="Q71" s="18">
        <v>36.6</v>
      </c>
      <c r="R71" s="18">
        <v>73.2</v>
      </c>
      <c r="S71" s="18">
        <v>53.7</v>
      </c>
      <c r="T71" s="18">
        <v>31.7</v>
      </c>
      <c r="U71" s="18">
        <v>14.6</v>
      </c>
      <c r="V71" s="11" t="s">
        <v>2</v>
      </c>
    </row>
    <row r="72" spans="2:22" ht="13.5" customHeight="1" x14ac:dyDescent="0.45">
      <c r="B72" s="34"/>
      <c r="C72" s="10" t="s">
        <v>16</v>
      </c>
      <c r="D72" s="9" t="s">
        <v>2</v>
      </c>
      <c r="E72" s="8" t="s">
        <v>2</v>
      </c>
      <c r="F72" s="7" t="s">
        <v>2</v>
      </c>
      <c r="G72" s="7" t="s">
        <v>2</v>
      </c>
      <c r="H72" s="7" t="s">
        <v>2</v>
      </c>
      <c r="I72" s="7" t="s">
        <v>2</v>
      </c>
      <c r="J72" s="7" t="s">
        <v>2</v>
      </c>
      <c r="K72" s="6" t="s">
        <v>2</v>
      </c>
      <c r="M72" s="34"/>
      <c r="N72" s="10" t="s">
        <v>15</v>
      </c>
      <c r="O72" s="9">
        <v>63</v>
      </c>
      <c r="P72" s="8">
        <v>55</v>
      </c>
      <c r="Q72" s="17">
        <v>20</v>
      </c>
      <c r="R72" s="17">
        <v>34</v>
      </c>
      <c r="S72" s="17">
        <v>35</v>
      </c>
      <c r="T72" s="17">
        <v>19</v>
      </c>
      <c r="U72" s="17">
        <v>5</v>
      </c>
      <c r="V72" s="6" t="s">
        <v>2</v>
      </c>
    </row>
    <row r="73" spans="2:22" ht="13.5" customHeight="1" x14ac:dyDescent="0.45">
      <c r="B73" s="34"/>
      <c r="C73" s="15"/>
      <c r="D73" s="14" t="s">
        <v>2</v>
      </c>
      <c r="E73" s="13" t="s">
        <v>2</v>
      </c>
      <c r="F73" s="12" t="s">
        <v>2</v>
      </c>
      <c r="G73" s="12" t="s">
        <v>2</v>
      </c>
      <c r="H73" s="12" t="s">
        <v>2</v>
      </c>
      <c r="I73" s="12" t="s">
        <v>2</v>
      </c>
      <c r="J73" s="12" t="s">
        <v>2</v>
      </c>
      <c r="K73" s="11" t="s">
        <v>2</v>
      </c>
      <c r="M73" s="34"/>
      <c r="N73" s="15"/>
      <c r="O73" s="14">
        <v>100</v>
      </c>
      <c r="P73" s="13">
        <v>87.3</v>
      </c>
      <c r="Q73" s="18">
        <v>31.7</v>
      </c>
      <c r="R73" s="18">
        <v>54</v>
      </c>
      <c r="S73" s="18">
        <v>55.6</v>
      </c>
      <c r="T73" s="18">
        <v>30.2</v>
      </c>
      <c r="U73" s="18">
        <v>7.9</v>
      </c>
      <c r="V73" s="11" t="s">
        <v>2</v>
      </c>
    </row>
    <row r="74" spans="2:22" ht="13.5" customHeight="1" x14ac:dyDescent="0.45">
      <c r="B74" s="34"/>
      <c r="C74" s="10" t="s">
        <v>14</v>
      </c>
      <c r="D74" s="9">
        <v>35</v>
      </c>
      <c r="E74" s="8">
        <v>28</v>
      </c>
      <c r="F74" s="7">
        <v>12</v>
      </c>
      <c r="G74" s="7">
        <v>20</v>
      </c>
      <c r="H74" s="7">
        <v>20</v>
      </c>
      <c r="I74" s="7">
        <v>16</v>
      </c>
      <c r="J74" s="7">
        <v>2</v>
      </c>
      <c r="K74" s="6" t="s">
        <v>2</v>
      </c>
      <c r="M74" s="34"/>
      <c r="N74" s="10" t="s">
        <v>13</v>
      </c>
      <c r="O74" s="9">
        <v>140</v>
      </c>
      <c r="P74" s="8">
        <v>115</v>
      </c>
      <c r="Q74" s="17">
        <v>51</v>
      </c>
      <c r="R74" s="17">
        <v>85</v>
      </c>
      <c r="S74" s="17">
        <v>83</v>
      </c>
      <c r="T74" s="17">
        <v>46</v>
      </c>
      <c r="U74" s="17">
        <v>10</v>
      </c>
      <c r="V74" s="6">
        <v>1</v>
      </c>
    </row>
    <row r="75" spans="2:22" ht="13.5" customHeight="1" x14ac:dyDescent="0.45">
      <c r="B75" s="34"/>
      <c r="C75" s="15"/>
      <c r="D75" s="14">
        <v>100</v>
      </c>
      <c r="E75" s="13">
        <v>80</v>
      </c>
      <c r="F75" s="12">
        <v>34.299999999999997</v>
      </c>
      <c r="G75" s="12">
        <v>57.1</v>
      </c>
      <c r="H75" s="12">
        <v>57.1</v>
      </c>
      <c r="I75" s="12">
        <v>45.7</v>
      </c>
      <c r="J75" s="12">
        <v>5.7</v>
      </c>
      <c r="K75" s="11" t="s">
        <v>2</v>
      </c>
      <c r="M75" s="34"/>
      <c r="N75" s="15"/>
      <c r="O75" s="14">
        <v>100</v>
      </c>
      <c r="P75" s="13">
        <v>82.1</v>
      </c>
      <c r="Q75" s="18">
        <v>36.4</v>
      </c>
      <c r="R75" s="18">
        <v>60.7</v>
      </c>
      <c r="S75" s="18">
        <v>59.3</v>
      </c>
      <c r="T75" s="18">
        <v>32.9</v>
      </c>
      <c r="U75" s="18">
        <v>7.1</v>
      </c>
      <c r="V75" s="11">
        <v>0.7</v>
      </c>
    </row>
    <row r="76" spans="2:22" ht="13.5" customHeight="1" x14ac:dyDescent="0.45">
      <c r="B76" s="34"/>
      <c r="C76" s="10" t="s">
        <v>12</v>
      </c>
      <c r="D76" s="9">
        <v>35</v>
      </c>
      <c r="E76" s="8">
        <v>28</v>
      </c>
      <c r="F76" s="7">
        <v>12</v>
      </c>
      <c r="G76" s="7">
        <v>20</v>
      </c>
      <c r="H76" s="7">
        <v>20</v>
      </c>
      <c r="I76" s="7">
        <v>16</v>
      </c>
      <c r="J76" s="7">
        <v>2</v>
      </c>
      <c r="K76" s="6" t="s">
        <v>2</v>
      </c>
      <c r="M76" s="34"/>
      <c r="N76" s="10" t="s">
        <v>11</v>
      </c>
      <c r="O76" s="9">
        <v>184</v>
      </c>
      <c r="P76" s="8">
        <v>163</v>
      </c>
      <c r="Q76" s="17">
        <v>61</v>
      </c>
      <c r="R76" s="17">
        <v>114</v>
      </c>
      <c r="S76" s="17">
        <v>104</v>
      </c>
      <c r="T76" s="17">
        <v>72</v>
      </c>
      <c r="U76" s="17">
        <v>13</v>
      </c>
      <c r="V76" s="6" t="s">
        <v>2</v>
      </c>
    </row>
    <row r="77" spans="2:22" ht="13.5" customHeight="1" x14ac:dyDescent="0.45">
      <c r="B77" s="34"/>
      <c r="C77" s="15"/>
      <c r="D77" s="14">
        <v>100</v>
      </c>
      <c r="E77" s="13">
        <v>80</v>
      </c>
      <c r="F77" s="12">
        <v>34.299999999999997</v>
      </c>
      <c r="G77" s="12">
        <v>57.1</v>
      </c>
      <c r="H77" s="12">
        <v>57.1</v>
      </c>
      <c r="I77" s="12">
        <v>45.7</v>
      </c>
      <c r="J77" s="12">
        <v>5.7</v>
      </c>
      <c r="K77" s="11" t="s">
        <v>2</v>
      </c>
      <c r="M77" s="34"/>
      <c r="N77" s="15"/>
      <c r="O77" s="14">
        <v>100</v>
      </c>
      <c r="P77" s="13">
        <v>88.6</v>
      </c>
      <c r="Q77" s="18">
        <v>33.200000000000003</v>
      </c>
      <c r="R77" s="18">
        <v>62</v>
      </c>
      <c r="S77" s="18">
        <v>56.5</v>
      </c>
      <c r="T77" s="18">
        <v>39.1</v>
      </c>
      <c r="U77" s="18">
        <v>7.1</v>
      </c>
      <c r="V77" s="11" t="s">
        <v>2</v>
      </c>
    </row>
    <row r="78" spans="2:22" ht="13.5" customHeight="1" x14ac:dyDescent="0.45">
      <c r="B78" s="34"/>
      <c r="C78" s="10" t="s">
        <v>10</v>
      </c>
      <c r="D78" s="9">
        <v>64</v>
      </c>
      <c r="E78" s="8">
        <v>57</v>
      </c>
      <c r="F78" s="7">
        <v>23</v>
      </c>
      <c r="G78" s="7">
        <v>41</v>
      </c>
      <c r="H78" s="7">
        <v>43</v>
      </c>
      <c r="I78" s="7">
        <v>29</v>
      </c>
      <c r="J78" s="7">
        <v>2</v>
      </c>
      <c r="K78" s="6" t="s">
        <v>2</v>
      </c>
      <c r="M78" s="34"/>
      <c r="N78" s="10" t="s">
        <v>9</v>
      </c>
      <c r="O78" s="9">
        <v>57</v>
      </c>
      <c r="P78" s="8">
        <v>50</v>
      </c>
      <c r="Q78" s="17">
        <v>26</v>
      </c>
      <c r="R78" s="17">
        <v>36</v>
      </c>
      <c r="S78" s="17">
        <v>45</v>
      </c>
      <c r="T78" s="17">
        <v>33</v>
      </c>
      <c r="U78" s="17">
        <v>3</v>
      </c>
      <c r="V78" s="6" t="s">
        <v>2</v>
      </c>
    </row>
    <row r="79" spans="2:22" ht="13.5" customHeight="1" x14ac:dyDescent="0.45">
      <c r="B79" s="34"/>
      <c r="C79" s="15"/>
      <c r="D79" s="14">
        <v>100</v>
      </c>
      <c r="E79" s="13">
        <v>89.1</v>
      </c>
      <c r="F79" s="12">
        <v>35.9</v>
      </c>
      <c r="G79" s="12">
        <v>64.099999999999994</v>
      </c>
      <c r="H79" s="12">
        <v>67.2</v>
      </c>
      <c r="I79" s="12">
        <v>45.3</v>
      </c>
      <c r="J79" s="12">
        <v>3.1</v>
      </c>
      <c r="K79" s="11" t="s">
        <v>2</v>
      </c>
      <c r="M79" s="34"/>
      <c r="N79" s="15"/>
      <c r="O79" s="14">
        <v>100</v>
      </c>
      <c r="P79" s="13">
        <v>87.7</v>
      </c>
      <c r="Q79" s="18">
        <v>45.6</v>
      </c>
      <c r="R79" s="18">
        <v>63.2</v>
      </c>
      <c r="S79" s="18">
        <v>78.900000000000006</v>
      </c>
      <c r="T79" s="18">
        <v>57.9</v>
      </c>
      <c r="U79" s="18">
        <v>5.3</v>
      </c>
      <c r="V79" s="11" t="s">
        <v>2</v>
      </c>
    </row>
    <row r="80" spans="2:22" ht="13.5" customHeight="1" x14ac:dyDescent="0.45">
      <c r="B80" s="34"/>
      <c r="C80" s="10" t="s">
        <v>8</v>
      </c>
      <c r="D80" s="9">
        <v>121</v>
      </c>
      <c r="E80" s="8">
        <v>112</v>
      </c>
      <c r="F80" s="7">
        <v>50</v>
      </c>
      <c r="G80" s="7">
        <v>87</v>
      </c>
      <c r="H80" s="7">
        <v>79</v>
      </c>
      <c r="I80" s="7">
        <v>51</v>
      </c>
      <c r="J80" s="7">
        <v>5</v>
      </c>
      <c r="K80" s="6">
        <v>1</v>
      </c>
      <c r="M80" s="34"/>
      <c r="N80" s="10" t="s">
        <v>7</v>
      </c>
      <c r="O80" s="9">
        <v>59</v>
      </c>
      <c r="P80" s="8">
        <v>50</v>
      </c>
      <c r="Q80" s="17">
        <v>14</v>
      </c>
      <c r="R80" s="17">
        <v>34</v>
      </c>
      <c r="S80" s="17">
        <v>26</v>
      </c>
      <c r="T80" s="17">
        <v>17</v>
      </c>
      <c r="U80" s="17">
        <v>8</v>
      </c>
      <c r="V80" s="6" t="s">
        <v>2</v>
      </c>
    </row>
    <row r="81" spans="2:22" ht="13.5" customHeight="1" x14ac:dyDescent="0.45">
      <c r="B81" s="34"/>
      <c r="C81" s="15"/>
      <c r="D81" s="14">
        <v>100</v>
      </c>
      <c r="E81" s="13">
        <v>92.6</v>
      </c>
      <c r="F81" s="12">
        <v>41.3</v>
      </c>
      <c r="G81" s="12">
        <v>71.900000000000006</v>
      </c>
      <c r="H81" s="12">
        <v>65.3</v>
      </c>
      <c r="I81" s="12">
        <v>42.1</v>
      </c>
      <c r="J81" s="12">
        <v>4.0999999999999996</v>
      </c>
      <c r="K81" s="11">
        <v>0.8</v>
      </c>
      <c r="M81" s="34"/>
      <c r="N81" s="15"/>
      <c r="O81" s="14">
        <v>100</v>
      </c>
      <c r="P81" s="13">
        <v>84.7</v>
      </c>
      <c r="Q81" s="18">
        <v>23.7</v>
      </c>
      <c r="R81" s="18">
        <v>57.6</v>
      </c>
      <c r="S81" s="18">
        <v>44.1</v>
      </c>
      <c r="T81" s="18">
        <v>28.8</v>
      </c>
      <c r="U81" s="18">
        <v>13.6</v>
      </c>
      <c r="V81" s="11" t="s">
        <v>2</v>
      </c>
    </row>
    <row r="82" spans="2:22" ht="13.5" customHeight="1" x14ac:dyDescent="0.45">
      <c r="B82" s="34"/>
      <c r="C82" s="10" t="s">
        <v>6</v>
      </c>
      <c r="D82" s="9">
        <v>157</v>
      </c>
      <c r="E82" s="8">
        <v>139</v>
      </c>
      <c r="F82" s="7">
        <v>56</v>
      </c>
      <c r="G82" s="7">
        <v>116</v>
      </c>
      <c r="H82" s="7">
        <v>98</v>
      </c>
      <c r="I82" s="7">
        <v>65</v>
      </c>
      <c r="J82" s="7">
        <v>7</v>
      </c>
      <c r="K82" s="6">
        <v>1</v>
      </c>
      <c r="M82" s="34"/>
      <c r="N82" s="10" t="s">
        <v>5</v>
      </c>
      <c r="O82" s="9">
        <v>138</v>
      </c>
      <c r="P82" s="8">
        <v>112</v>
      </c>
      <c r="Q82" s="17">
        <v>30</v>
      </c>
      <c r="R82" s="17">
        <v>73</v>
      </c>
      <c r="S82" s="17">
        <v>61</v>
      </c>
      <c r="T82" s="17">
        <v>35</v>
      </c>
      <c r="U82" s="17">
        <v>18</v>
      </c>
      <c r="V82" s="6">
        <v>1</v>
      </c>
    </row>
    <row r="83" spans="2:22" ht="13.5" customHeight="1" x14ac:dyDescent="0.45">
      <c r="B83" s="34"/>
      <c r="C83" s="15"/>
      <c r="D83" s="14">
        <v>100</v>
      </c>
      <c r="E83" s="13">
        <v>88.5</v>
      </c>
      <c r="F83" s="12">
        <v>35.700000000000003</v>
      </c>
      <c r="G83" s="12">
        <v>73.900000000000006</v>
      </c>
      <c r="H83" s="12">
        <v>62.4</v>
      </c>
      <c r="I83" s="12">
        <v>41.4</v>
      </c>
      <c r="J83" s="12">
        <v>4.5</v>
      </c>
      <c r="K83" s="11">
        <v>0.6</v>
      </c>
      <c r="M83" s="34"/>
      <c r="N83" s="15"/>
      <c r="O83" s="14">
        <v>100</v>
      </c>
      <c r="P83" s="13">
        <v>81.2</v>
      </c>
      <c r="Q83" s="18">
        <v>21.7</v>
      </c>
      <c r="R83" s="18">
        <v>52.9</v>
      </c>
      <c r="S83" s="18">
        <v>44.2</v>
      </c>
      <c r="T83" s="18">
        <v>25.4</v>
      </c>
      <c r="U83" s="18">
        <v>13</v>
      </c>
      <c r="V83" s="11">
        <v>0.7</v>
      </c>
    </row>
    <row r="84" spans="2:22" ht="13.5" customHeight="1" x14ac:dyDescent="0.45">
      <c r="B84" s="34"/>
      <c r="C84" s="10" t="s">
        <v>4</v>
      </c>
      <c r="D84" s="9">
        <v>111</v>
      </c>
      <c r="E84" s="8">
        <v>98</v>
      </c>
      <c r="F84" s="7">
        <v>33</v>
      </c>
      <c r="G84" s="7">
        <v>83</v>
      </c>
      <c r="H84" s="7">
        <v>64</v>
      </c>
      <c r="I84" s="7">
        <v>30</v>
      </c>
      <c r="J84" s="7">
        <v>3</v>
      </c>
      <c r="K84" s="6">
        <v>1</v>
      </c>
      <c r="M84" s="34"/>
      <c r="N84" s="10" t="s">
        <v>0</v>
      </c>
      <c r="O84" s="9">
        <v>36</v>
      </c>
      <c r="P84" s="8">
        <v>25</v>
      </c>
      <c r="Q84" s="17">
        <v>7</v>
      </c>
      <c r="R84" s="17">
        <v>18</v>
      </c>
      <c r="S84" s="17">
        <v>18</v>
      </c>
      <c r="T84" s="17">
        <v>8</v>
      </c>
      <c r="U84" s="17">
        <v>6</v>
      </c>
      <c r="V84" s="6">
        <v>2</v>
      </c>
    </row>
    <row r="85" spans="2:22" ht="13.5" customHeight="1" x14ac:dyDescent="0.45">
      <c r="B85" s="34"/>
      <c r="C85" s="15"/>
      <c r="D85" s="14">
        <v>100</v>
      </c>
      <c r="E85" s="13">
        <v>88.3</v>
      </c>
      <c r="F85" s="12">
        <v>29.7</v>
      </c>
      <c r="G85" s="12">
        <v>74.8</v>
      </c>
      <c r="H85" s="12">
        <v>57.7</v>
      </c>
      <c r="I85" s="12">
        <v>27</v>
      </c>
      <c r="J85" s="12">
        <v>2.7</v>
      </c>
      <c r="K85" s="11">
        <v>0.9</v>
      </c>
      <c r="M85" s="35"/>
      <c r="N85" s="5"/>
      <c r="O85" s="4">
        <v>100</v>
      </c>
      <c r="P85" s="3">
        <v>69.400000000000006</v>
      </c>
      <c r="Q85" s="16">
        <v>19.399999999999999</v>
      </c>
      <c r="R85" s="16">
        <v>50</v>
      </c>
      <c r="S85" s="16">
        <v>50</v>
      </c>
      <c r="T85" s="16">
        <v>22.2</v>
      </c>
      <c r="U85" s="16">
        <v>16.7</v>
      </c>
      <c r="V85" s="1">
        <v>5.6</v>
      </c>
    </row>
    <row r="86" spans="2:22" ht="13.5" customHeight="1" x14ac:dyDescent="0.45">
      <c r="B86" s="34"/>
      <c r="C86" s="10" t="s">
        <v>3</v>
      </c>
      <c r="D86" s="9">
        <v>45</v>
      </c>
      <c r="E86" s="8">
        <v>39</v>
      </c>
      <c r="F86" s="7">
        <v>14</v>
      </c>
      <c r="G86" s="7">
        <v>34</v>
      </c>
      <c r="H86" s="7">
        <v>31</v>
      </c>
      <c r="I86" s="7">
        <v>10</v>
      </c>
      <c r="J86" s="7">
        <v>3</v>
      </c>
      <c r="K86" s="6" t="s">
        <v>2</v>
      </c>
    </row>
    <row r="87" spans="2:22" ht="13.5" customHeight="1" x14ac:dyDescent="0.45">
      <c r="B87" s="34"/>
      <c r="C87" s="15"/>
      <c r="D87" s="14">
        <v>100</v>
      </c>
      <c r="E87" s="13">
        <v>86.7</v>
      </c>
      <c r="F87" s="12">
        <v>31.1</v>
      </c>
      <c r="G87" s="12">
        <v>75.599999999999994</v>
      </c>
      <c r="H87" s="12">
        <v>68.900000000000006</v>
      </c>
      <c r="I87" s="12">
        <v>22.2</v>
      </c>
      <c r="J87" s="12">
        <v>6.7</v>
      </c>
      <c r="K87" s="11" t="s">
        <v>2</v>
      </c>
    </row>
    <row r="88" spans="2:22" ht="13.5" customHeight="1" x14ac:dyDescent="0.45">
      <c r="B88" s="34"/>
      <c r="C88" s="10" t="s">
        <v>1</v>
      </c>
      <c r="D88" s="9">
        <v>70</v>
      </c>
      <c r="E88" s="8">
        <v>40</v>
      </c>
      <c r="F88" s="7">
        <v>7</v>
      </c>
      <c r="G88" s="7">
        <v>42</v>
      </c>
      <c r="H88" s="7">
        <v>31</v>
      </c>
      <c r="I88" s="7">
        <v>10</v>
      </c>
      <c r="J88" s="7">
        <v>11</v>
      </c>
      <c r="K88" s="6">
        <v>4</v>
      </c>
    </row>
    <row r="89" spans="2:22" ht="13.5" customHeight="1" x14ac:dyDescent="0.45">
      <c r="B89" s="34"/>
      <c r="C89" s="15"/>
      <c r="D89" s="14">
        <v>100</v>
      </c>
      <c r="E89" s="13">
        <v>57.1</v>
      </c>
      <c r="F89" s="12">
        <v>10</v>
      </c>
      <c r="G89" s="12">
        <v>60</v>
      </c>
      <c r="H89" s="12">
        <v>44.3</v>
      </c>
      <c r="I89" s="12">
        <v>14.3</v>
      </c>
      <c r="J89" s="12">
        <v>15.7</v>
      </c>
      <c r="K89" s="11">
        <v>5.7</v>
      </c>
    </row>
    <row r="90" spans="2:22" ht="13.5" customHeight="1" x14ac:dyDescent="0.45">
      <c r="B90" s="34"/>
      <c r="C90" s="10" t="s">
        <v>0</v>
      </c>
      <c r="D90" s="9">
        <v>46</v>
      </c>
      <c r="E90" s="8">
        <v>31</v>
      </c>
      <c r="F90" s="7">
        <v>10</v>
      </c>
      <c r="G90" s="7">
        <v>18</v>
      </c>
      <c r="H90" s="7">
        <v>16</v>
      </c>
      <c r="I90" s="7">
        <v>11</v>
      </c>
      <c r="J90" s="7">
        <v>7</v>
      </c>
      <c r="K90" s="6">
        <v>6</v>
      </c>
    </row>
    <row r="91" spans="2:22" ht="13.5" customHeight="1" x14ac:dyDescent="0.45">
      <c r="B91" s="35"/>
      <c r="C91" s="5"/>
      <c r="D91" s="4">
        <v>100</v>
      </c>
      <c r="E91" s="3">
        <v>67.400000000000006</v>
      </c>
      <c r="F91" s="2">
        <v>21.7</v>
      </c>
      <c r="G91" s="2">
        <v>39.1</v>
      </c>
      <c r="H91" s="2">
        <v>34.799999999999997</v>
      </c>
      <c r="I91" s="2">
        <v>23.9</v>
      </c>
      <c r="J91" s="2">
        <v>15.2</v>
      </c>
      <c r="K91" s="1">
        <v>13</v>
      </c>
    </row>
    <row r="92" spans="2:22" ht="13.5" customHeight="1" x14ac:dyDescent="0.45"/>
    <row r="122" ht="13.5" customHeight="1" x14ac:dyDescent="0.45"/>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3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配偶者等からの暴力】Q11</vt:lpstr>
    </vt:vector>
  </TitlesOfParts>
  <Company>Lenov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辻本 直樹</dc:creator>
  <cp:lastModifiedBy>user</cp:lastModifiedBy>
  <dcterms:created xsi:type="dcterms:W3CDTF">2024-12-26T04:59:05Z</dcterms:created>
  <dcterms:modified xsi:type="dcterms:W3CDTF">2025-01-14T07:02:59Z</dcterms:modified>
</cp:coreProperties>
</file>